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2"/>
  </p:notesMasterIdLst>
  <p:sldIdLst>
    <p:sldId id="262" r:id="rId2"/>
    <p:sldId id="282" r:id="rId3"/>
    <p:sldId id="280" r:id="rId4"/>
    <p:sldId id="281" r:id="rId5"/>
    <p:sldId id="263" r:id="rId6"/>
    <p:sldId id="265" r:id="rId7"/>
    <p:sldId id="264" r:id="rId8"/>
    <p:sldId id="266" r:id="rId9"/>
    <p:sldId id="268" r:id="rId10"/>
    <p:sldId id="283" r:id="rId11"/>
    <p:sldId id="277" r:id="rId12"/>
    <p:sldId id="279" r:id="rId13"/>
    <p:sldId id="271" r:id="rId14"/>
    <p:sldId id="272" r:id="rId15"/>
    <p:sldId id="273" r:id="rId16"/>
    <p:sldId id="274" r:id="rId17"/>
    <p:sldId id="276" r:id="rId18"/>
    <p:sldId id="275" r:id="rId19"/>
    <p:sldId id="269" r:id="rId20"/>
    <p:sldId id="270" r:id="rId21"/>
    <p:sldId id="287" r:id="rId22"/>
    <p:sldId id="288" r:id="rId23"/>
    <p:sldId id="289" r:id="rId24"/>
    <p:sldId id="290" r:id="rId25"/>
    <p:sldId id="291" r:id="rId26"/>
    <p:sldId id="292" r:id="rId27"/>
    <p:sldId id="293" r:id="rId28"/>
    <p:sldId id="294" r:id="rId29"/>
    <p:sldId id="278" r:id="rId30"/>
    <p:sldId id="267" r:id="rId31"/>
  </p:sldIdLst>
  <p:sldSz cx="7543800" cy="5834063"/>
  <p:notesSz cx="6858000" cy="9144000"/>
  <p:custDataLst>
    <p:tags r:id="rId33"/>
  </p:custDataLst>
  <p:defaultTextStyle>
    <a:defPPr>
      <a:defRPr lang="en-US"/>
    </a:defPPr>
    <a:lvl1pPr algn="l" rtl="0" fontAlgn="base">
      <a:spcBef>
        <a:spcPct val="0"/>
      </a:spcBef>
      <a:spcAft>
        <a:spcPct val="0"/>
      </a:spcAft>
      <a:defRPr sz="1500" kern="1200">
        <a:solidFill>
          <a:schemeClr val="tx1"/>
        </a:solidFill>
        <a:latin typeface="Arial" charset="0"/>
        <a:ea typeface="+mn-ea"/>
        <a:cs typeface="Arial" charset="0"/>
      </a:defRPr>
    </a:lvl1pPr>
    <a:lvl2pPr marL="457200" algn="l" rtl="0" fontAlgn="base">
      <a:spcBef>
        <a:spcPct val="0"/>
      </a:spcBef>
      <a:spcAft>
        <a:spcPct val="0"/>
      </a:spcAft>
      <a:defRPr sz="1500" kern="1200">
        <a:solidFill>
          <a:schemeClr val="tx1"/>
        </a:solidFill>
        <a:latin typeface="Arial" charset="0"/>
        <a:ea typeface="+mn-ea"/>
        <a:cs typeface="Arial" charset="0"/>
      </a:defRPr>
    </a:lvl2pPr>
    <a:lvl3pPr marL="914400" algn="l" rtl="0" fontAlgn="base">
      <a:spcBef>
        <a:spcPct val="0"/>
      </a:spcBef>
      <a:spcAft>
        <a:spcPct val="0"/>
      </a:spcAft>
      <a:defRPr sz="1500" kern="1200">
        <a:solidFill>
          <a:schemeClr val="tx1"/>
        </a:solidFill>
        <a:latin typeface="Arial" charset="0"/>
        <a:ea typeface="+mn-ea"/>
        <a:cs typeface="Arial" charset="0"/>
      </a:defRPr>
    </a:lvl3pPr>
    <a:lvl4pPr marL="1371600" algn="l" rtl="0" fontAlgn="base">
      <a:spcBef>
        <a:spcPct val="0"/>
      </a:spcBef>
      <a:spcAft>
        <a:spcPct val="0"/>
      </a:spcAft>
      <a:defRPr sz="1500" kern="1200">
        <a:solidFill>
          <a:schemeClr val="tx1"/>
        </a:solidFill>
        <a:latin typeface="Arial" charset="0"/>
        <a:ea typeface="+mn-ea"/>
        <a:cs typeface="Arial" charset="0"/>
      </a:defRPr>
    </a:lvl4pPr>
    <a:lvl5pPr marL="1828800" algn="l" rtl="0" fontAlgn="base">
      <a:spcBef>
        <a:spcPct val="0"/>
      </a:spcBef>
      <a:spcAft>
        <a:spcPct val="0"/>
      </a:spcAft>
      <a:defRPr sz="1500" kern="1200">
        <a:solidFill>
          <a:schemeClr val="tx1"/>
        </a:solidFill>
        <a:latin typeface="Arial" charset="0"/>
        <a:ea typeface="+mn-ea"/>
        <a:cs typeface="Arial" charset="0"/>
      </a:defRPr>
    </a:lvl5pPr>
    <a:lvl6pPr marL="2286000" algn="l" defTabSz="914400" rtl="0" eaLnBrk="1" latinLnBrk="0" hangingPunct="1">
      <a:defRPr sz="1500" kern="1200">
        <a:solidFill>
          <a:schemeClr val="tx1"/>
        </a:solidFill>
        <a:latin typeface="Arial" charset="0"/>
        <a:ea typeface="+mn-ea"/>
        <a:cs typeface="Arial" charset="0"/>
      </a:defRPr>
    </a:lvl6pPr>
    <a:lvl7pPr marL="2743200" algn="l" defTabSz="914400" rtl="0" eaLnBrk="1" latinLnBrk="0" hangingPunct="1">
      <a:defRPr sz="1500" kern="1200">
        <a:solidFill>
          <a:schemeClr val="tx1"/>
        </a:solidFill>
        <a:latin typeface="Arial" charset="0"/>
        <a:ea typeface="+mn-ea"/>
        <a:cs typeface="Arial" charset="0"/>
      </a:defRPr>
    </a:lvl7pPr>
    <a:lvl8pPr marL="3200400" algn="l" defTabSz="914400" rtl="0" eaLnBrk="1" latinLnBrk="0" hangingPunct="1">
      <a:defRPr sz="1500" kern="1200">
        <a:solidFill>
          <a:schemeClr val="tx1"/>
        </a:solidFill>
        <a:latin typeface="Arial" charset="0"/>
        <a:ea typeface="+mn-ea"/>
        <a:cs typeface="Arial" charset="0"/>
      </a:defRPr>
    </a:lvl8pPr>
    <a:lvl9pPr marL="3657600" algn="l" defTabSz="914400" rtl="0" eaLnBrk="1" latinLnBrk="0" hangingPunct="1">
      <a:defRPr sz="1500" kern="1200">
        <a:solidFill>
          <a:schemeClr val="tx1"/>
        </a:solidFill>
        <a:latin typeface="Arial" charset="0"/>
        <a:ea typeface="+mn-ea"/>
        <a:cs typeface="Arial" charset="0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loop="1" showNarration="1" useTimings="0">
    <p:browse showScrollbar="0"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5A4469"/>
    <a:srgbClr val="E2D098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16" autoAdjust="0"/>
    <p:restoredTop sz="94619" autoAdjust="0"/>
  </p:normalViewPr>
  <p:slideViewPr>
    <p:cSldViewPr>
      <p:cViewPr>
        <p:scale>
          <a:sx n="100" d="100"/>
          <a:sy n="100" d="100"/>
        </p:scale>
        <p:origin x="-1044" y="72"/>
      </p:cViewPr>
      <p:guideLst>
        <p:guide orient="horz" pos="1838"/>
        <p:guide pos="4248"/>
      </p:guideLst>
    </p:cSldViewPr>
  </p:slid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notesMaster" Target="notesMasters/notesMaster1.xml"/><Relationship Id="rId37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C0E54D8-2BC9-4FA9-A690-96740CC71A97}" type="datetimeFigureOut">
              <a:rPr lang="en-US" smtClean="0"/>
              <a:t>6/11/201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211263" y="685800"/>
            <a:ext cx="4435475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C47A390-056D-4A68-B0A9-708C2B374EBB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3350348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On November 19, 1863, </a:t>
            </a:r>
            <a:r>
              <a:rPr lang="en-US" sz="1200" b="1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Edward Everett </a:t>
            </a:r>
            <a:r>
              <a:rPr lang="en-US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was the first to speak at Gettysburg. Everett was a Massachusetts politician and a bit long-winded. His speech went on for two hours.</a:t>
            </a:r>
          </a:p>
          <a:p>
            <a:endParaRPr lang="en-US" sz="1200" kern="120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During Everett’s Oration, it was reported</a:t>
            </a:r>
            <a:r>
              <a:rPr lang="en-US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that not one person among the hundreds in attendance made a sound nor left. Everyone paid attention. (Note: There weren’t chairs provided so everyone stood.)</a:t>
            </a:r>
          </a:p>
          <a:p>
            <a:endParaRPr lang="en-US" sz="1200" kern="1200" baseline="0" dirty="0" smtClean="0">
              <a:solidFill>
                <a:schemeClr val="tx1"/>
              </a:solidFill>
              <a:latin typeface="+mn-lt"/>
              <a:ea typeface="+mn-ea"/>
              <a:cs typeface="+mn-cs"/>
            </a:endParaRPr>
          </a:p>
          <a:p>
            <a:r>
              <a:rPr lang="en-US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When Everett</a:t>
            </a:r>
            <a:r>
              <a:rPr lang="en-US" sz="1200" kern="1200" baseline="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 was finished, </a:t>
            </a:r>
            <a:r>
              <a:rPr lang="en-US" sz="1200" kern="1200" dirty="0" smtClean="0">
                <a:solidFill>
                  <a:schemeClr val="tx1"/>
                </a:solidFill>
                <a:latin typeface="+mn-lt"/>
                <a:ea typeface="+mn-ea"/>
                <a:cs typeface="+mn-cs"/>
              </a:rPr>
              <a:t>Abraham Lincoln stepped forward to address the crowd. In a speech that lasted a mere two minutes, Lincoln gave us probably the most memorable and certainly one of the most quoted speeches in American history.</a:t>
            </a:r>
            <a:endParaRPr lang="en-US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4A080A2-385A-45B7-9F10-892A668B31E2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7574135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3.png"/><Relationship Id="rId4" Type="http://schemas.microsoft.com/office/2007/relationships/hdphoto" Target="../media/hdphoto1.wdp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Purple header bar"/>
          <p:cNvSpPr/>
          <p:nvPr userDrawn="1"/>
        </p:nvSpPr>
        <p:spPr>
          <a:xfrm>
            <a:off x="-52019" y="-54769"/>
            <a:ext cx="7896225" cy="2233628"/>
          </a:xfrm>
          <a:prstGeom prst="rect">
            <a:avLst/>
          </a:prstGeom>
          <a:solidFill>
            <a:srgbClr val="5A446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en-US"/>
          </a:p>
        </p:txBody>
      </p:sp>
      <p:sp>
        <p:nvSpPr>
          <p:cNvPr id="8" name="stripey gray"/>
          <p:cNvSpPr/>
          <p:nvPr userDrawn="1"/>
        </p:nvSpPr>
        <p:spPr>
          <a:xfrm>
            <a:off x="-50052" y="783431"/>
            <a:ext cx="7896225" cy="5398310"/>
          </a:xfrm>
          <a:prstGeom prst="rect">
            <a:avLst/>
          </a:prstGeom>
          <a:pattFill prst="wdUpDiag">
            <a:fgClr>
              <a:srgbClr val="EAEAEA"/>
            </a:fgClr>
            <a:bgClr>
              <a:srgbClr val="EFEFEF"/>
            </a:bgClr>
          </a:patt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en-US"/>
          </a:p>
        </p:txBody>
      </p:sp>
      <p:sp>
        <p:nvSpPr>
          <p:cNvPr id="9" name="solid gray"/>
          <p:cNvSpPr/>
          <p:nvPr userDrawn="1"/>
        </p:nvSpPr>
        <p:spPr>
          <a:xfrm>
            <a:off x="-50052" y="780942"/>
            <a:ext cx="7896225" cy="3202889"/>
          </a:xfrm>
          <a:prstGeom prst="rect">
            <a:avLst/>
          </a:prstGeom>
          <a:gradFill>
            <a:gsLst>
              <a:gs pos="0">
                <a:srgbClr val="EFEFEF"/>
              </a:gs>
              <a:gs pos="50000">
                <a:srgbClr val="EFEFEF"/>
              </a:gs>
              <a:gs pos="100000">
                <a:schemeClr val="accent1">
                  <a:tint val="23500"/>
                  <a:satMod val="160000"/>
                  <a:alpha val="0"/>
                </a:schemeClr>
              </a:gs>
            </a:gsLst>
            <a:lin ang="54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r"/>
            <a:endParaRPr lang="en-US" dirty="0"/>
          </a:p>
        </p:txBody>
      </p:sp>
      <p:grpSp>
        <p:nvGrpSpPr>
          <p:cNvPr id="10" name="logo"/>
          <p:cNvGrpSpPr/>
          <p:nvPr userDrawn="1"/>
        </p:nvGrpSpPr>
        <p:grpSpPr>
          <a:xfrm>
            <a:off x="229432" y="21431"/>
            <a:ext cx="6514268" cy="3048000"/>
            <a:chOff x="-1638300" y="554831"/>
            <a:chExt cx="6514268" cy="3048000"/>
          </a:xfrm>
        </p:grpSpPr>
        <p:sp>
          <p:nvSpPr>
            <p:cNvPr id="11" name="Oval 10"/>
            <p:cNvSpPr/>
            <p:nvPr/>
          </p:nvSpPr>
          <p:spPr>
            <a:xfrm>
              <a:off x="-1638300" y="554831"/>
              <a:ext cx="1600200" cy="1600200"/>
            </a:xfrm>
            <a:prstGeom prst="ellipse">
              <a:avLst/>
            </a:prstGeom>
            <a:solidFill>
              <a:srgbClr val="EFEFEF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endParaRPr lang="en-US"/>
            </a:p>
          </p:txBody>
        </p:sp>
        <p:grpSp>
          <p:nvGrpSpPr>
            <p:cNvPr id="12" name="Group 11"/>
            <p:cNvGrpSpPr/>
            <p:nvPr/>
          </p:nvGrpSpPr>
          <p:grpSpPr>
            <a:xfrm>
              <a:off x="-1485900" y="726402"/>
              <a:ext cx="6361868" cy="2876429"/>
              <a:chOff x="662356" y="164608"/>
              <a:chExt cx="2443734" cy="1104900"/>
            </a:xfrm>
          </p:grpSpPr>
          <p:grpSp>
            <p:nvGrpSpPr>
              <p:cNvPr id="13" name="Group 12"/>
              <p:cNvGrpSpPr/>
              <p:nvPr/>
            </p:nvGrpSpPr>
            <p:grpSpPr>
              <a:xfrm>
                <a:off x="662356" y="164608"/>
                <a:ext cx="505460" cy="1104900"/>
                <a:chOff x="0" y="0"/>
                <a:chExt cx="1226818" cy="2681096"/>
              </a:xfrm>
              <a:effectLst/>
            </p:grpSpPr>
            <p:sp>
              <p:nvSpPr>
                <p:cNvPr id="15" name="Donut 14"/>
                <p:cNvSpPr/>
                <p:nvPr/>
              </p:nvSpPr>
              <p:spPr>
                <a:xfrm>
                  <a:off x="0" y="0"/>
                  <a:ext cx="1226818" cy="1171054"/>
                </a:xfrm>
                <a:prstGeom prst="donut">
                  <a:avLst>
                    <a:gd name="adj" fmla="val 21676"/>
                  </a:avLst>
                </a:prstGeom>
                <a:solidFill>
                  <a:srgbClr val="97A200"/>
                </a:solidFill>
                <a:ln>
                  <a:noFill/>
                </a:ln>
                <a:effectLst/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marL="0" marR="0">
                    <a:lnSpc>
                      <a:spcPct val="115000"/>
                    </a:lnSpc>
                    <a:spcBef>
                      <a:spcPts val="0"/>
                    </a:spcBef>
                    <a:spcAft>
                      <a:spcPts val="1000"/>
                    </a:spcAft>
                  </a:pPr>
                  <a:r>
                    <a:rPr lang="en-US" sz="1100">
                      <a:effectLst/>
                      <a:ea typeface="Times New Roman"/>
                      <a:cs typeface="Times New Roman"/>
                    </a:rPr>
                    <a:t> </a:t>
                  </a:r>
                  <a:endParaRPr lang="en-US" sz="1100">
                    <a:effectLst/>
                    <a:ea typeface="Calibri"/>
                    <a:cs typeface="Times New Roman"/>
                  </a:endParaRPr>
                </a:p>
              </p:txBody>
            </p:sp>
            <p:sp>
              <p:nvSpPr>
                <p:cNvPr id="16" name="Rectangle 15"/>
                <p:cNvSpPr/>
                <p:nvPr/>
              </p:nvSpPr>
              <p:spPr>
                <a:xfrm>
                  <a:off x="491900" y="472824"/>
                  <a:ext cx="231569" cy="246538"/>
                </a:xfrm>
                <a:prstGeom prst="rect">
                  <a:avLst/>
                </a:prstGeom>
                <a:solidFill>
                  <a:srgbClr val="E2D098"/>
                </a:solidFill>
                <a:ln>
                  <a:noFill/>
                </a:ln>
                <a:effectLst/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marL="0" marR="0">
                    <a:lnSpc>
                      <a:spcPct val="115000"/>
                    </a:lnSpc>
                    <a:spcBef>
                      <a:spcPts val="0"/>
                    </a:spcBef>
                    <a:spcAft>
                      <a:spcPts val="1000"/>
                    </a:spcAft>
                  </a:pPr>
                  <a:r>
                    <a:rPr lang="en-US" sz="1100" dirty="0">
                      <a:effectLst/>
                      <a:ea typeface="Times New Roman"/>
                      <a:cs typeface="Times New Roman"/>
                    </a:rPr>
                    <a:t> </a:t>
                  </a:r>
                  <a:endParaRPr lang="en-US" sz="1100" dirty="0">
                    <a:effectLst/>
                    <a:ea typeface="Calibri"/>
                    <a:cs typeface="Times New Roman"/>
                  </a:endParaRPr>
                </a:p>
              </p:txBody>
            </p:sp>
            <p:sp>
              <p:nvSpPr>
                <p:cNvPr id="17" name="Rectangle 16"/>
                <p:cNvSpPr/>
                <p:nvPr/>
              </p:nvSpPr>
              <p:spPr>
                <a:xfrm>
                  <a:off x="494542" y="1649158"/>
                  <a:ext cx="231569" cy="1031938"/>
                </a:xfrm>
                <a:prstGeom prst="rect">
                  <a:avLst/>
                </a:prstGeom>
                <a:solidFill>
                  <a:srgbClr val="97A200"/>
                </a:solidFill>
                <a:ln>
                  <a:noFill/>
                </a:ln>
                <a:effectLst/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marL="0" marR="0">
                    <a:lnSpc>
                      <a:spcPct val="115000"/>
                    </a:lnSpc>
                    <a:spcBef>
                      <a:spcPts val="0"/>
                    </a:spcBef>
                    <a:spcAft>
                      <a:spcPts val="1000"/>
                    </a:spcAft>
                  </a:pPr>
                  <a:r>
                    <a:rPr lang="en-US" sz="1100">
                      <a:effectLst/>
                      <a:ea typeface="Times New Roman"/>
                      <a:cs typeface="Times New Roman"/>
                    </a:rPr>
                    <a:t> </a:t>
                  </a:r>
                  <a:endParaRPr lang="en-US" sz="1100">
                    <a:effectLst/>
                    <a:ea typeface="Calibri"/>
                    <a:cs typeface="Times New Roman"/>
                  </a:endParaRPr>
                </a:p>
              </p:txBody>
            </p:sp>
          </p:grpSp>
          <p:pic>
            <p:nvPicPr>
              <p:cNvPr id="14" name="Picture 13"/>
              <p:cNvPicPr>
                <a:picLocks noChangeAspect="1"/>
              </p:cNvPicPr>
              <p:nvPr/>
            </p:nvPicPr>
            <p:blipFill>
              <a:blip r:embed="rId2" cstate="print">
                <a:clrChange>
                  <a:clrFrom>
                    <a:srgbClr val="FFFFFF"/>
                  </a:clrFrom>
                  <a:clrTo>
                    <a:srgbClr val="FFFFFF">
                      <a:alpha val="0"/>
                    </a:srgbClr>
                  </a:clrTo>
                </a:clrChange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176706" y="668163"/>
                <a:ext cx="1929384" cy="231648"/>
              </a:xfrm>
              <a:prstGeom prst="rect">
                <a:avLst/>
              </a:prstGeom>
            </p:spPr>
          </p:pic>
        </p:grpSp>
      </p:grpSp>
      <p:sp>
        <p:nvSpPr>
          <p:cNvPr id="19" name="website"/>
          <p:cNvSpPr txBox="1"/>
          <p:nvPr userDrawn="1"/>
        </p:nvSpPr>
        <p:spPr>
          <a:xfrm>
            <a:off x="3619500" y="2060466"/>
            <a:ext cx="3200400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dirty="0" smtClean="0"/>
              <a:t>www.iconlogic.com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32124" y="3602831"/>
            <a:ext cx="6795719" cy="762000"/>
          </a:xfrm>
        </p:spPr>
        <p:txBody>
          <a:bodyPr/>
          <a:lstStyle>
            <a:lvl1pPr marL="0" indent="0" algn="r">
              <a:buNone/>
              <a:defRPr sz="4400">
                <a:latin typeface="Arial Narrow" pitchFamily="34" charset="0"/>
              </a:defRPr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en-US" dirty="0" smtClean="0"/>
              <a:t>Click to edit Master subtitle style</a:t>
            </a:r>
            <a:endParaRPr lang="en-US" dirty="0"/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2094" y="2993231"/>
            <a:ext cx="6635750" cy="639762"/>
          </a:xfrm>
        </p:spPr>
        <p:txBody>
          <a:bodyPr/>
          <a:lstStyle>
            <a:lvl1pPr algn="r">
              <a:defRPr sz="4400" b="1">
                <a:latin typeface="Arial Narrow" pitchFamily="34" charset="0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29" name="Text Placeholder 28"/>
          <p:cNvSpPr>
            <a:spLocks noGrp="1"/>
          </p:cNvSpPr>
          <p:nvPr>
            <p:ph type="body" sz="quarter" idx="10" hasCustomPrompt="1"/>
          </p:nvPr>
        </p:nvSpPr>
        <p:spPr>
          <a:xfrm>
            <a:off x="4567788" y="4821238"/>
            <a:ext cx="2057400" cy="305593"/>
          </a:xfrm>
        </p:spPr>
        <p:txBody>
          <a:bodyPr/>
          <a:lstStyle>
            <a:lvl1pPr marL="0" indent="0" algn="r">
              <a:buNone/>
              <a:defRPr sz="1500" b="1">
                <a:latin typeface="Arial Narrow" pitchFamily="34" charset="0"/>
              </a:defRPr>
            </a:lvl1pPr>
            <a:lvl2pPr marL="577850" indent="0" algn="r">
              <a:buNone/>
              <a:defRPr/>
            </a:lvl2pPr>
            <a:lvl3pPr marL="1203325" indent="0" algn="r">
              <a:buNone/>
              <a:defRPr/>
            </a:lvl3pPr>
            <a:lvl4pPr marL="1546225" indent="0" algn="r">
              <a:buNone/>
              <a:defRPr/>
            </a:lvl4pPr>
            <a:lvl5pPr marL="1852613" indent="0" algn="r">
              <a:buNone/>
              <a:defRPr/>
            </a:lvl5pPr>
          </a:lstStyle>
          <a:p>
            <a:pPr lvl="0"/>
            <a:r>
              <a:rPr lang="en-US" dirty="0" smtClean="0"/>
              <a:t>Name</a:t>
            </a:r>
            <a:endParaRPr lang="en-US" dirty="0"/>
          </a:p>
        </p:txBody>
      </p:sp>
      <p:sp>
        <p:nvSpPr>
          <p:cNvPr id="30" name="Text Placeholder 28"/>
          <p:cNvSpPr>
            <a:spLocks noGrp="1"/>
          </p:cNvSpPr>
          <p:nvPr>
            <p:ph type="body" sz="quarter" idx="11" hasCustomPrompt="1"/>
          </p:nvPr>
        </p:nvSpPr>
        <p:spPr>
          <a:xfrm>
            <a:off x="4567788" y="5057888"/>
            <a:ext cx="2057400" cy="297544"/>
          </a:xfrm>
        </p:spPr>
        <p:txBody>
          <a:bodyPr/>
          <a:lstStyle>
            <a:lvl1pPr marL="0" indent="0" algn="r">
              <a:spcBef>
                <a:spcPts val="0"/>
              </a:spcBef>
              <a:spcAft>
                <a:spcPts val="0"/>
              </a:spcAft>
              <a:buNone/>
              <a:defRPr sz="1500" b="0" baseline="0">
                <a:latin typeface="Arial Narrow" pitchFamily="34" charset="0"/>
              </a:defRPr>
            </a:lvl1pPr>
            <a:lvl2pPr marL="577850" indent="0" algn="r">
              <a:buNone/>
              <a:defRPr/>
            </a:lvl2pPr>
            <a:lvl3pPr marL="1203325" indent="0" algn="r">
              <a:buNone/>
              <a:defRPr/>
            </a:lvl3pPr>
            <a:lvl4pPr marL="1546225" indent="0" algn="r">
              <a:buNone/>
              <a:defRPr/>
            </a:lvl4pPr>
            <a:lvl5pPr marL="1852613" indent="0" algn="r">
              <a:buNone/>
              <a:defRPr/>
            </a:lvl5pPr>
          </a:lstStyle>
          <a:p>
            <a:pPr lvl="0"/>
            <a:r>
              <a:rPr lang="en-US" dirty="0" smtClean="0"/>
              <a:t>Email</a:t>
            </a:r>
            <a:endParaRPr lang="en-US" dirty="0"/>
          </a:p>
        </p:txBody>
      </p:sp>
      <p:sp>
        <p:nvSpPr>
          <p:cNvPr id="31" name="Text Placeholder 28"/>
          <p:cNvSpPr>
            <a:spLocks noGrp="1"/>
          </p:cNvSpPr>
          <p:nvPr>
            <p:ph type="body" sz="quarter" idx="12" hasCustomPrompt="1"/>
          </p:nvPr>
        </p:nvSpPr>
        <p:spPr>
          <a:xfrm>
            <a:off x="4567788" y="5543479"/>
            <a:ext cx="2057400" cy="297544"/>
          </a:xfrm>
        </p:spPr>
        <p:txBody>
          <a:bodyPr/>
          <a:lstStyle>
            <a:lvl1pPr marL="0" indent="0" algn="r">
              <a:spcBef>
                <a:spcPts val="0"/>
              </a:spcBef>
              <a:spcAft>
                <a:spcPts val="0"/>
              </a:spcAft>
              <a:buNone/>
              <a:defRPr sz="1500" b="0" baseline="0">
                <a:latin typeface="Arial Narrow" pitchFamily="34" charset="0"/>
              </a:defRPr>
            </a:lvl1pPr>
            <a:lvl2pPr marL="577850" indent="0" algn="r">
              <a:buNone/>
              <a:defRPr/>
            </a:lvl2pPr>
            <a:lvl3pPr marL="1203325" indent="0" algn="r">
              <a:buNone/>
              <a:defRPr/>
            </a:lvl3pPr>
            <a:lvl4pPr marL="1546225" indent="0" algn="r">
              <a:buNone/>
              <a:defRPr/>
            </a:lvl4pPr>
            <a:lvl5pPr marL="1852613" indent="0" algn="r">
              <a:buNone/>
              <a:defRPr/>
            </a:lvl5pPr>
          </a:lstStyle>
          <a:p>
            <a:pPr lvl="0"/>
            <a:r>
              <a:rPr lang="en-US" dirty="0" smtClean="0"/>
              <a:t>Twitter</a:t>
            </a:r>
            <a:endParaRPr lang="en-US" dirty="0"/>
          </a:p>
        </p:txBody>
      </p:sp>
      <p:sp>
        <p:nvSpPr>
          <p:cNvPr id="4" name="TextBox 3"/>
          <p:cNvSpPr txBox="1"/>
          <p:nvPr userDrawn="1"/>
        </p:nvSpPr>
        <p:spPr>
          <a:xfrm>
            <a:off x="3086100" y="5297159"/>
            <a:ext cx="3550172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dirty="0" smtClean="0">
                <a:latin typeface="Arial Narrow" pitchFamily="34" charset="0"/>
              </a:rPr>
              <a:t>www.facebook.com/IconLogicInc</a:t>
            </a:r>
            <a:endParaRPr lang="en-US" dirty="0">
              <a:latin typeface="Arial Narrow" pitchFamily="34" charset="0"/>
            </a:endParaRPr>
          </a:p>
        </p:txBody>
      </p:sp>
      <p:grpSp>
        <p:nvGrpSpPr>
          <p:cNvPr id="6" name="Group 5"/>
          <p:cNvGrpSpPr/>
          <p:nvPr userDrawn="1"/>
        </p:nvGrpSpPr>
        <p:grpSpPr>
          <a:xfrm>
            <a:off x="6544128" y="4822031"/>
            <a:ext cx="385860" cy="1066800"/>
            <a:chOff x="4050526" y="4822031"/>
            <a:chExt cx="385860" cy="1066800"/>
          </a:xfrm>
        </p:grpSpPr>
        <p:pic>
          <p:nvPicPr>
            <p:cNvPr id="21" name="Picture 20"/>
            <p:cNvPicPr>
              <a:picLocks noChangeAspect="1"/>
            </p:cNvPicPr>
            <p:nvPr userDrawn="1"/>
          </p:nvPicPr>
          <p:blipFill>
            <a:blip r:embed="rId3" cstate="print">
              <a:biLevel thresh="50000"/>
              <a:extLst>
                <a:ext uri="{BEBA8EAE-BF5A-486C-A8C5-ECC9F3942E4B}">
                  <a14:imgProps xmlns:a14="http://schemas.microsoft.com/office/drawing/2010/main">
                    <a14:imgLayer r:embed="rId4">
                      <a14:imgEffect>
                        <a14:backgroundRemoval t="0" b="100000" l="10000" r="9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082676" y="5373273"/>
              <a:ext cx="321560" cy="180878"/>
            </a:xfrm>
            <a:prstGeom prst="rect">
              <a:avLst/>
            </a:prstGeom>
          </p:spPr>
        </p:pic>
        <p:grpSp>
          <p:nvGrpSpPr>
            <p:cNvPr id="5" name="Group 4"/>
            <p:cNvGrpSpPr/>
            <p:nvPr userDrawn="1"/>
          </p:nvGrpSpPr>
          <p:grpSpPr>
            <a:xfrm>
              <a:off x="4050526" y="4822031"/>
              <a:ext cx="385860" cy="1066800"/>
              <a:chOff x="4050526" y="4822031"/>
              <a:chExt cx="385860" cy="1066800"/>
            </a:xfrm>
          </p:grpSpPr>
          <p:grpSp>
            <p:nvGrpSpPr>
              <p:cNvPr id="22" name="extra logos"/>
              <p:cNvGrpSpPr/>
              <p:nvPr userDrawn="1"/>
            </p:nvGrpSpPr>
            <p:grpSpPr>
              <a:xfrm>
                <a:off x="4050526" y="5135875"/>
                <a:ext cx="385860" cy="752956"/>
                <a:chOff x="5110423" y="5173868"/>
                <a:chExt cx="385860" cy="752956"/>
              </a:xfrm>
            </p:grpSpPr>
            <p:pic>
              <p:nvPicPr>
                <p:cNvPr id="23" name="Picture 22"/>
                <p:cNvPicPr>
                  <a:picLocks noChangeAspect="1"/>
                </p:cNvPicPr>
                <p:nvPr userDrawn="1"/>
              </p:nvPicPr>
              <p:blipFill>
                <a:blip r:embed="rId5" cstate="print">
                  <a:biLevel thresh="75000"/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5110423" y="5540964"/>
                  <a:ext cx="385860" cy="385860"/>
                </a:xfrm>
                <a:prstGeom prst="rect">
                  <a:avLst/>
                </a:prstGeom>
                <a:noFill/>
              </p:spPr>
            </p:pic>
            <p:sp>
              <p:nvSpPr>
                <p:cNvPr id="24" name="Freeform 23"/>
                <p:cNvSpPr>
                  <a:spLocks/>
                </p:cNvSpPr>
                <p:nvPr userDrawn="1"/>
              </p:nvSpPr>
              <p:spPr bwMode="auto">
                <a:xfrm>
                  <a:off x="5178731" y="5173868"/>
                  <a:ext cx="248444" cy="143356"/>
                </a:xfrm>
                <a:custGeom>
                  <a:avLst/>
                  <a:gdLst>
                    <a:gd name="T0" fmla="*/ 1 w 819"/>
                    <a:gd name="T1" fmla="*/ 446 h 470"/>
                    <a:gd name="T2" fmla="*/ 2 w 819"/>
                    <a:gd name="T3" fmla="*/ 452 h 470"/>
                    <a:gd name="T4" fmla="*/ 6 w 819"/>
                    <a:gd name="T5" fmla="*/ 457 h 470"/>
                    <a:gd name="T6" fmla="*/ 8 w 819"/>
                    <a:gd name="T7" fmla="*/ 460 h 470"/>
                    <a:gd name="T8" fmla="*/ 12 w 819"/>
                    <a:gd name="T9" fmla="*/ 463 h 470"/>
                    <a:gd name="T10" fmla="*/ 16 w 819"/>
                    <a:gd name="T11" fmla="*/ 467 h 470"/>
                    <a:gd name="T12" fmla="*/ 22 w 819"/>
                    <a:gd name="T13" fmla="*/ 469 h 470"/>
                    <a:gd name="T14" fmla="*/ 28 w 819"/>
                    <a:gd name="T15" fmla="*/ 470 h 470"/>
                    <a:gd name="T16" fmla="*/ 116 w 819"/>
                    <a:gd name="T17" fmla="*/ 409 h 470"/>
                    <a:gd name="T18" fmla="*/ 213 w 819"/>
                    <a:gd name="T19" fmla="*/ 334 h 470"/>
                    <a:gd name="T20" fmla="*/ 302 w 819"/>
                    <a:gd name="T21" fmla="*/ 271 h 470"/>
                    <a:gd name="T22" fmla="*/ 409 w 819"/>
                    <a:gd name="T23" fmla="*/ 318 h 470"/>
                    <a:gd name="T24" fmla="*/ 516 w 819"/>
                    <a:gd name="T25" fmla="*/ 271 h 470"/>
                    <a:gd name="T26" fmla="*/ 605 w 819"/>
                    <a:gd name="T27" fmla="*/ 334 h 470"/>
                    <a:gd name="T28" fmla="*/ 703 w 819"/>
                    <a:gd name="T29" fmla="*/ 409 h 470"/>
                    <a:gd name="T30" fmla="*/ 790 w 819"/>
                    <a:gd name="T31" fmla="*/ 470 h 470"/>
                    <a:gd name="T32" fmla="*/ 796 w 819"/>
                    <a:gd name="T33" fmla="*/ 469 h 470"/>
                    <a:gd name="T34" fmla="*/ 802 w 819"/>
                    <a:gd name="T35" fmla="*/ 467 h 470"/>
                    <a:gd name="T36" fmla="*/ 806 w 819"/>
                    <a:gd name="T37" fmla="*/ 463 h 470"/>
                    <a:gd name="T38" fmla="*/ 811 w 819"/>
                    <a:gd name="T39" fmla="*/ 460 h 470"/>
                    <a:gd name="T40" fmla="*/ 813 w 819"/>
                    <a:gd name="T41" fmla="*/ 457 h 470"/>
                    <a:gd name="T42" fmla="*/ 816 w 819"/>
                    <a:gd name="T43" fmla="*/ 452 h 470"/>
                    <a:gd name="T44" fmla="*/ 818 w 819"/>
                    <a:gd name="T45" fmla="*/ 446 h 470"/>
                    <a:gd name="T46" fmla="*/ 818 w 819"/>
                    <a:gd name="T47" fmla="*/ 440 h 470"/>
                    <a:gd name="T48" fmla="*/ 738 w 819"/>
                    <a:gd name="T49" fmla="*/ 359 h 470"/>
                    <a:gd name="T50" fmla="*/ 646 w 819"/>
                    <a:gd name="T51" fmla="*/ 289 h 470"/>
                    <a:gd name="T52" fmla="*/ 597 w 819"/>
                    <a:gd name="T53" fmla="*/ 218 h 470"/>
                    <a:gd name="T54" fmla="*/ 694 w 819"/>
                    <a:gd name="T55" fmla="*/ 145 h 470"/>
                    <a:gd name="T56" fmla="*/ 819 w 819"/>
                    <a:gd name="T57" fmla="*/ 229 h 470"/>
                    <a:gd name="T58" fmla="*/ 818 w 819"/>
                    <a:gd name="T59" fmla="*/ 26 h 470"/>
                    <a:gd name="T60" fmla="*/ 817 w 819"/>
                    <a:gd name="T61" fmla="*/ 21 h 470"/>
                    <a:gd name="T62" fmla="*/ 815 w 819"/>
                    <a:gd name="T63" fmla="*/ 16 h 470"/>
                    <a:gd name="T64" fmla="*/ 812 w 819"/>
                    <a:gd name="T65" fmla="*/ 12 h 470"/>
                    <a:gd name="T66" fmla="*/ 809 w 819"/>
                    <a:gd name="T67" fmla="*/ 8 h 470"/>
                    <a:gd name="T68" fmla="*/ 804 w 819"/>
                    <a:gd name="T69" fmla="*/ 5 h 470"/>
                    <a:gd name="T70" fmla="*/ 800 w 819"/>
                    <a:gd name="T71" fmla="*/ 2 h 470"/>
                    <a:gd name="T72" fmla="*/ 794 w 819"/>
                    <a:gd name="T73" fmla="*/ 0 h 470"/>
                    <a:gd name="T74" fmla="*/ 789 w 819"/>
                    <a:gd name="T75" fmla="*/ 0 h 470"/>
                    <a:gd name="T76" fmla="*/ 653 w 819"/>
                    <a:gd name="T77" fmla="*/ 99 h 470"/>
                    <a:gd name="T78" fmla="*/ 559 w 819"/>
                    <a:gd name="T79" fmla="*/ 169 h 470"/>
                    <a:gd name="T80" fmla="*/ 487 w 819"/>
                    <a:gd name="T81" fmla="*/ 219 h 470"/>
                    <a:gd name="T82" fmla="*/ 430 w 819"/>
                    <a:gd name="T83" fmla="*/ 251 h 470"/>
                    <a:gd name="T84" fmla="*/ 389 w 819"/>
                    <a:gd name="T85" fmla="*/ 251 h 470"/>
                    <a:gd name="T86" fmla="*/ 332 w 819"/>
                    <a:gd name="T87" fmla="*/ 219 h 470"/>
                    <a:gd name="T88" fmla="*/ 259 w 819"/>
                    <a:gd name="T89" fmla="*/ 169 h 470"/>
                    <a:gd name="T90" fmla="*/ 165 w 819"/>
                    <a:gd name="T91" fmla="*/ 99 h 470"/>
                    <a:gd name="T92" fmla="*/ 30 w 819"/>
                    <a:gd name="T93" fmla="*/ 0 h 470"/>
                    <a:gd name="T94" fmla="*/ 25 w 819"/>
                    <a:gd name="T95" fmla="*/ 0 h 470"/>
                    <a:gd name="T96" fmla="*/ 20 w 819"/>
                    <a:gd name="T97" fmla="*/ 2 h 470"/>
                    <a:gd name="T98" fmla="*/ 14 w 819"/>
                    <a:gd name="T99" fmla="*/ 5 h 470"/>
                    <a:gd name="T100" fmla="*/ 9 w 819"/>
                    <a:gd name="T101" fmla="*/ 8 h 470"/>
                    <a:gd name="T102" fmla="*/ 7 w 819"/>
                    <a:gd name="T103" fmla="*/ 12 h 470"/>
                    <a:gd name="T104" fmla="*/ 3 w 819"/>
                    <a:gd name="T105" fmla="*/ 16 h 470"/>
                    <a:gd name="T106" fmla="*/ 1 w 819"/>
                    <a:gd name="T107" fmla="*/ 21 h 470"/>
                    <a:gd name="T108" fmla="*/ 0 w 819"/>
                    <a:gd name="T109" fmla="*/ 26 h 470"/>
                    <a:gd name="T110" fmla="*/ 0 w 819"/>
                    <a:gd name="T111" fmla="*/ 222 h 470"/>
                    <a:gd name="T112" fmla="*/ 124 w 819"/>
                    <a:gd name="T113" fmla="*/ 145 h 470"/>
                    <a:gd name="T114" fmla="*/ 221 w 819"/>
                    <a:gd name="T115" fmla="*/ 218 h 470"/>
                    <a:gd name="T116" fmla="*/ 172 w 819"/>
                    <a:gd name="T117" fmla="*/ 289 h 470"/>
                    <a:gd name="T118" fmla="*/ 81 w 819"/>
                    <a:gd name="T119" fmla="*/ 359 h 470"/>
                    <a:gd name="T120" fmla="*/ 0 w 819"/>
                    <a:gd name="T121" fmla="*/ 440 h 470"/>
                  </a:gdLst>
                  <a:ahLst/>
                  <a:cxnLst>
                    <a:cxn ang="0">
                      <a:pos x="T0" y="T1"/>
                    </a:cxn>
                    <a:cxn ang="0">
                      <a:pos x="T2" y="T3"/>
                    </a:cxn>
                    <a:cxn ang="0">
                      <a:pos x="T4" y="T5"/>
                    </a:cxn>
                    <a:cxn ang="0">
                      <a:pos x="T6" y="T7"/>
                    </a:cxn>
                    <a:cxn ang="0">
                      <a:pos x="T8" y="T9"/>
                    </a:cxn>
                    <a:cxn ang="0">
                      <a:pos x="T10" y="T11"/>
                    </a:cxn>
                    <a:cxn ang="0">
                      <a:pos x="T12" y="T13"/>
                    </a:cxn>
                    <a:cxn ang="0">
                      <a:pos x="T14" y="T15"/>
                    </a:cxn>
                    <a:cxn ang="0">
                      <a:pos x="T16" y="T17"/>
                    </a:cxn>
                    <a:cxn ang="0">
                      <a:pos x="T18" y="T19"/>
                    </a:cxn>
                    <a:cxn ang="0">
                      <a:pos x="T20" y="T21"/>
                    </a:cxn>
                    <a:cxn ang="0">
                      <a:pos x="T22" y="T23"/>
                    </a:cxn>
                    <a:cxn ang="0">
                      <a:pos x="T24" y="T25"/>
                    </a:cxn>
                    <a:cxn ang="0">
                      <a:pos x="T26" y="T27"/>
                    </a:cxn>
                    <a:cxn ang="0">
                      <a:pos x="T28" y="T29"/>
                    </a:cxn>
                    <a:cxn ang="0">
                      <a:pos x="T30" y="T31"/>
                    </a:cxn>
                    <a:cxn ang="0">
                      <a:pos x="T32" y="T33"/>
                    </a:cxn>
                    <a:cxn ang="0">
                      <a:pos x="T34" y="T35"/>
                    </a:cxn>
                    <a:cxn ang="0">
                      <a:pos x="T36" y="T37"/>
                    </a:cxn>
                    <a:cxn ang="0">
                      <a:pos x="T38" y="T39"/>
                    </a:cxn>
                    <a:cxn ang="0">
                      <a:pos x="T40" y="T41"/>
                    </a:cxn>
                    <a:cxn ang="0">
                      <a:pos x="T42" y="T43"/>
                    </a:cxn>
                    <a:cxn ang="0">
                      <a:pos x="T44" y="T45"/>
                    </a:cxn>
                    <a:cxn ang="0">
                      <a:pos x="T46" y="T47"/>
                    </a:cxn>
                    <a:cxn ang="0">
                      <a:pos x="T48" y="T49"/>
                    </a:cxn>
                    <a:cxn ang="0">
                      <a:pos x="T50" y="T51"/>
                    </a:cxn>
                    <a:cxn ang="0">
                      <a:pos x="T52" y="T53"/>
                    </a:cxn>
                    <a:cxn ang="0">
                      <a:pos x="T54" y="T55"/>
                    </a:cxn>
                    <a:cxn ang="0">
                      <a:pos x="T56" y="T57"/>
                    </a:cxn>
                    <a:cxn ang="0">
                      <a:pos x="T58" y="T59"/>
                    </a:cxn>
                    <a:cxn ang="0">
                      <a:pos x="T60" y="T61"/>
                    </a:cxn>
                    <a:cxn ang="0">
                      <a:pos x="T62" y="T63"/>
                    </a:cxn>
                    <a:cxn ang="0">
                      <a:pos x="T64" y="T65"/>
                    </a:cxn>
                    <a:cxn ang="0">
                      <a:pos x="T66" y="T67"/>
                    </a:cxn>
                    <a:cxn ang="0">
                      <a:pos x="T68" y="T69"/>
                    </a:cxn>
                    <a:cxn ang="0">
                      <a:pos x="T70" y="T71"/>
                    </a:cxn>
                    <a:cxn ang="0">
                      <a:pos x="T72" y="T73"/>
                    </a:cxn>
                    <a:cxn ang="0">
                      <a:pos x="T74" y="T75"/>
                    </a:cxn>
                    <a:cxn ang="0">
                      <a:pos x="T76" y="T77"/>
                    </a:cxn>
                    <a:cxn ang="0">
                      <a:pos x="T78" y="T79"/>
                    </a:cxn>
                    <a:cxn ang="0">
                      <a:pos x="T80" y="T81"/>
                    </a:cxn>
                    <a:cxn ang="0">
                      <a:pos x="T82" y="T83"/>
                    </a:cxn>
                    <a:cxn ang="0">
                      <a:pos x="T84" y="T85"/>
                    </a:cxn>
                    <a:cxn ang="0">
                      <a:pos x="T86" y="T87"/>
                    </a:cxn>
                    <a:cxn ang="0">
                      <a:pos x="T88" y="T89"/>
                    </a:cxn>
                    <a:cxn ang="0">
                      <a:pos x="T90" y="T91"/>
                    </a:cxn>
                    <a:cxn ang="0">
                      <a:pos x="T92" y="T93"/>
                    </a:cxn>
                    <a:cxn ang="0">
                      <a:pos x="T94" y="T95"/>
                    </a:cxn>
                    <a:cxn ang="0">
                      <a:pos x="T96" y="T97"/>
                    </a:cxn>
                    <a:cxn ang="0">
                      <a:pos x="T98" y="T99"/>
                    </a:cxn>
                    <a:cxn ang="0">
                      <a:pos x="T100" y="T101"/>
                    </a:cxn>
                    <a:cxn ang="0">
                      <a:pos x="T102" y="T103"/>
                    </a:cxn>
                    <a:cxn ang="0">
                      <a:pos x="T104" y="T105"/>
                    </a:cxn>
                    <a:cxn ang="0">
                      <a:pos x="T106" y="T107"/>
                    </a:cxn>
                    <a:cxn ang="0">
                      <a:pos x="T108" y="T109"/>
                    </a:cxn>
                    <a:cxn ang="0">
                      <a:pos x="T110" y="T111"/>
                    </a:cxn>
                    <a:cxn ang="0">
                      <a:pos x="T112" y="T113"/>
                    </a:cxn>
                    <a:cxn ang="0">
                      <a:pos x="T114" y="T115"/>
                    </a:cxn>
                    <a:cxn ang="0">
                      <a:pos x="T116" y="T117"/>
                    </a:cxn>
                    <a:cxn ang="0">
                      <a:pos x="T118" y="T119"/>
                    </a:cxn>
                    <a:cxn ang="0">
                      <a:pos x="T120" y="T121"/>
                    </a:cxn>
                  </a:cxnLst>
                  <a:rect l="0" t="0" r="r" b="b"/>
                  <a:pathLst>
                    <a:path w="819" h="470">
                      <a:moveTo>
                        <a:pt x="0" y="441"/>
                      </a:moveTo>
                      <a:lnTo>
                        <a:pt x="0" y="442"/>
                      </a:lnTo>
                      <a:lnTo>
                        <a:pt x="0" y="442"/>
                      </a:lnTo>
                      <a:lnTo>
                        <a:pt x="0" y="444"/>
                      </a:lnTo>
                      <a:lnTo>
                        <a:pt x="0" y="445"/>
                      </a:lnTo>
                      <a:lnTo>
                        <a:pt x="1" y="445"/>
                      </a:lnTo>
                      <a:lnTo>
                        <a:pt x="1" y="446"/>
                      </a:lnTo>
                      <a:lnTo>
                        <a:pt x="1" y="446"/>
                      </a:lnTo>
                      <a:lnTo>
                        <a:pt x="1" y="447"/>
                      </a:lnTo>
                      <a:lnTo>
                        <a:pt x="1" y="448"/>
                      </a:lnTo>
                      <a:lnTo>
                        <a:pt x="1" y="448"/>
                      </a:lnTo>
                      <a:lnTo>
                        <a:pt x="1" y="449"/>
                      </a:lnTo>
                      <a:lnTo>
                        <a:pt x="2" y="449"/>
                      </a:lnTo>
                      <a:lnTo>
                        <a:pt x="2" y="450"/>
                      </a:lnTo>
                      <a:lnTo>
                        <a:pt x="2" y="450"/>
                      </a:lnTo>
                      <a:lnTo>
                        <a:pt x="2" y="452"/>
                      </a:lnTo>
                      <a:lnTo>
                        <a:pt x="3" y="453"/>
                      </a:lnTo>
                      <a:lnTo>
                        <a:pt x="3" y="454"/>
                      </a:lnTo>
                      <a:lnTo>
                        <a:pt x="3" y="454"/>
                      </a:lnTo>
                      <a:lnTo>
                        <a:pt x="3" y="454"/>
                      </a:lnTo>
                      <a:lnTo>
                        <a:pt x="5" y="455"/>
                      </a:lnTo>
                      <a:lnTo>
                        <a:pt x="5" y="456"/>
                      </a:lnTo>
                      <a:lnTo>
                        <a:pt x="6" y="456"/>
                      </a:lnTo>
                      <a:lnTo>
                        <a:pt x="6" y="457"/>
                      </a:lnTo>
                      <a:lnTo>
                        <a:pt x="6" y="457"/>
                      </a:lnTo>
                      <a:lnTo>
                        <a:pt x="7" y="458"/>
                      </a:lnTo>
                      <a:lnTo>
                        <a:pt x="7" y="458"/>
                      </a:lnTo>
                      <a:lnTo>
                        <a:pt x="7" y="458"/>
                      </a:lnTo>
                      <a:lnTo>
                        <a:pt x="7" y="458"/>
                      </a:lnTo>
                      <a:lnTo>
                        <a:pt x="7" y="460"/>
                      </a:lnTo>
                      <a:lnTo>
                        <a:pt x="8" y="460"/>
                      </a:lnTo>
                      <a:lnTo>
                        <a:pt x="8" y="460"/>
                      </a:lnTo>
                      <a:lnTo>
                        <a:pt x="8" y="460"/>
                      </a:lnTo>
                      <a:lnTo>
                        <a:pt x="8" y="461"/>
                      </a:lnTo>
                      <a:lnTo>
                        <a:pt x="9" y="461"/>
                      </a:lnTo>
                      <a:lnTo>
                        <a:pt x="9" y="462"/>
                      </a:lnTo>
                      <a:lnTo>
                        <a:pt x="10" y="462"/>
                      </a:lnTo>
                      <a:lnTo>
                        <a:pt x="10" y="463"/>
                      </a:lnTo>
                      <a:lnTo>
                        <a:pt x="12" y="463"/>
                      </a:lnTo>
                      <a:lnTo>
                        <a:pt x="12" y="463"/>
                      </a:lnTo>
                      <a:lnTo>
                        <a:pt x="13" y="464"/>
                      </a:lnTo>
                      <a:lnTo>
                        <a:pt x="13" y="464"/>
                      </a:lnTo>
                      <a:lnTo>
                        <a:pt x="14" y="464"/>
                      </a:lnTo>
                      <a:lnTo>
                        <a:pt x="14" y="465"/>
                      </a:lnTo>
                      <a:lnTo>
                        <a:pt x="15" y="465"/>
                      </a:lnTo>
                      <a:lnTo>
                        <a:pt x="16" y="467"/>
                      </a:lnTo>
                      <a:lnTo>
                        <a:pt x="16" y="467"/>
                      </a:lnTo>
                      <a:lnTo>
                        <a:pt x="16" y="467"/>
                      </a:lnTo>
                      <a:lnTo>
                        <a:pt x="17" y="467"/>
                      </a:lnTo>
                      <a:lnTo>
                        <a:pt x="18" y="468"/>
                      </a:lnTo>
                      <a:lnTo>
                        <a:pt x="18" y="468"/>
                      </a:lnTo>
                      <a:lnTo>
                        <a:pt x="20" y="468"/>
                      </a:lnTo>
                      <a:lnTo>
                        <a:pt x="20" y="468"/>
                      </a:lnTo>
                      <a:lnTo>
                        <a:pt x="21" y="469"/>
                      </a:lnTo>
                      <a:lnTo>
                        <a:pt x="22" y="469"/>
                      </a:lnTo>
                      <a:lnTo>
                        <a:pt x="22" y="469"/>
                      </a:lnTo>
                      <a:lnTo>
                        <a:pt x="23" y="469"/>
                      </a:lnTo>
                      <a:lnTo>
                        <a:pt x="24" y="469"/>
                      </a:lnTo>
                      <a:lnTo>
                        <a:pt x="24" y="469"/>
                      </a:lnTo>
                      <a:lnTo>
                        <a:pt x="25" y="469"/>
                      </a:lnTo>
                      <a:lnTo>
                        <a:pt x="25" y="469"/>
                      </a:lnTo>
                      <a:lnTo>
                        <a:pt x="27" y="470"/>
                      </a:lnTo>
                      <a:lnTo>
                        <a:pt x="28" y="470"/>
                      </a:lnTo>
                      <a:lnTo>
                        <a:pt x="28" y="470"/>
                      </a:lnTo>
                      <a:lnTo>
                        <a:pt x="29" y="470"/>
                      </a:lnTo>
                      <a:lnTo>
                        <a:pt x="30" y="470"/>
                      </a:lnTo>
                      <a:lnTo>
                        <a:pt x="30" y="470"/>
                      </a:lnTo>
                      <a:lnTo>
                        <a:pt x="30" y="470"/>
                      </a:lnTo>
                      <a:lnTo>
                        <a:pt x="30" y="470"/>
                      </a:lnTo>
                      <a:lnTo>
                        <a:pt x="423" y="470"/>
                      </a:lnTo>
                      <a:lnTo>
                        <a:pt x="423" y="409"/>
                      </a:lnTo>
                      <a:lnTo>
                        <a:pt x="116" y="409"/>
                      </a:lnTo>
                      <a:lnTo>
                        <a:pt x="129" y="400"/>
                      </a:lnTo>
                      <a:lnTo>
                        <a:pt x="141" y="389"/>
                      </a:lnTo>
                      <a:lnTo>
                        <a:pt x="153" y="380"/>
                      </a:lnTo>
                      <a:lnTo>
                        <a:pt x="165" y="371"/>
                      </a:lnTo>
                      <a:lnTo>
                        <a:pt x="177" y="362"/>
                      </a:lnTo>
                      <a:lnTo>
                        <a:pt x="189" y="353"/>
                      </a:lnTo>
                      <a:lnTo>
                        <a:pt x="202" y="343"/>
                      </a:lnTo>
                      <a:lnTo>
                        <a:pt x="213" y="334"/>
                      </a:lnTo>
                      <a:lnTo>
                        <a:pt x="225" y="326"/>
                      </a:lnTo>
                      <a:lnTo>
                        <a:pt x="236" y="317"/>
                      </a:lnTo>
                      <a:lnTo>
                        <a:pt x="248" y="309"/>
                      </a:lnTo>
                      <a:lnTo>
                        <a:pt x="259" y="301"/>
                      </a:lnTo>
                      <a:lnTo>
                        <a:pt x="270" y="293"/>
                      </a:lnTo>
                      <a:lnTo>
                        <a:pt x="281" y="285"/>
                      </a:lnTo>
                      <a:lnTo>
                        <a:pt x="291" y="278"/>
                      </a:lnTo>
                      <a:lnTo>
                        <a:pt x="302" y="271"/>
                      </a:lnTo>
                      <a:lnTo>
                        <a:pt x="319" y="281"/>
                      </a:lnTo>
                      <a:lnTo>
                        <a:pt x="335" y="290"/>
                      </a:lnTo>
                      <a:lnTo>
                        <a:pt x="350" y="298"/>
                      </a:lnTo>
                      <a:lnTo>
                        <a:pt x="364" y="305"/>
                      </a:lnTo>
                      <a:lnTo>
                        <a:pt x="378" y="311"/>
                      </a:lnTo>
                      <a:lnTo>
                        <a:pt x="389" y="314"/>
                      </a:lnTo>
                      <a:lnTo>
                        <a:pt x="400" y="317"/>
                      </a:lnTo>
                      <a:lnTo>
                        <a:pt x="409" y="318"/>
                      </a:lnTo>
                      <a:lnTo>
                        <a:pt x="418" y="317"/>
                      </a:lnTo>
                      <a:lnTo>
                        <a:pt x="429" y="314"/>
                      </a:lnTo>
                      <a:lnTo>
                        <a:pt x="441" y="311"/>
                      </a:lnTo>
                      <a:lnTo>
                        <a:pt x="454" y="305"/>
                      </a:lnTo>
                      <a:lnTo>
                        <a:pt x="469" y="298"/>
                      </a:lnTo>
                      <a:lnTo>
                        <a:pt x="484" y="290"/>
                      </a:lnTo>
                      <a:lnTo>
                        <a:pt x="500" y="281"/>
                      </a:lnTo>
                      <a:lnTo>
                        <a:pt x="516" y="271"/>
                      </a:lnTo>
                      <a:lnTo>
                        <a:pt x="527" y="278"/>
                      </a:lnTo>
                      <a:lnTo>
                        <a:pt x="537" y="285"/>
                      </a:lnTo>
                      <a:lnTo>
                        <a:pt x="548" y="293"/>
                      </a:lnTo>
                      <a:lnTo>
                        <a:pt x="559" y="301"/>
                      </a:lnTo>
                      <a:lnTo>
                        <a:pt x="570" y="309"/>
                      </a:lnTo>
                      <a:lnTo>
                        <a:pt x="582" y="317"/>
                      </a:lnTo>
                      <a:lnTo>
                        <a:pt x="593" y="326"/>
                      </a:lnTo>
                      <a:lnTo>
                        <a:pt x="605" y="334"/>
                      </a:lnTo>
                      <a:lnTo>
                        <a:pt x="618" y="343"/>
                      </a:lnTo>
                      <a:lnTo>
                        <a:pt x="629" y="353"/>
                      </a:lnTo>
                      <a:lnTo>
                        <a:pt x="642" y="362"/>
                      </a:lnTo>
                      <a:lnTo>
                        <a:pt x="653" y="371"/>
                      </a:lnTo>
                      <a:lnTo>
                        <a:pt x="666" y="380"/>
                      </a:lnTo>
                      <a:lnTo>
                        <a:pt x="679" y="389"/>
                      </a:lnTo>
                      <a:lnTo>
                        <a:pt x="690" y="400"/>
                      </a:lnTo>
                      <a:lnTo>
                        <a:pt x="703" y="409"/>
                      </a:lnTo>
                      <a:lnTo>
                        <a:pt x="423" y="409"/>
                      </a:lnTo>
                      <a:lnTo>
                        <a:pt x="423" y="470"/>
                      </a:lnTo>
                      <a:lnTo>
                        <a:pt x="788" y="470"/>
                      </a:lnTo>
                      <a:lnTo>
                        <a:pt x="789" y="470"/>
                      </a:lnTo>
                      <a:lnTo>
                        <a:pt x="789" y="470"/>
                      </a:lnTo>
                      <a:lnTo>
                        <a:pt x="789" y="470"/>
                      </a:lnTo>
                      <a:lnTo>
                        <a:pt x="789" y="470"/>
                      </a:lnTo>
                      <a:lnTo>
                        <a:pt x="790" y="470"/>
                      </a:lnTo>
                      <a:lnTo>
                        <a:pt x="791" y="470"/>
                      </a:lnTo>
                      <a:lnTo>
                        <a:pt x="791" y="470"/>
                      </a:lnTo>
                      <a:lnTo>
                        <a:pt x="793" y="469"/>
                      </a:lnTo>
                      <a:lnTo>
                        <a:pt x="794" y="469"/>
                      </a:lnTo>
                      <a:lnTo>
                        <a:pt x="795" y="469"/>
                      </a:lnTo>
                      <a:lnTo>
                        <a:pt x="795" y="469"/>
                      </a:lnTo>
                      <a:lnTo>
                        <a:pt x="796" y="469"/>
                      </a:lnTo>
                      <a:lnTo>
                        <a:pt x="796" y="469"/>
                      </a:lnTo>
                      <a:lnTo>
                        <a:pt x="797" y="469"/>
                      </a:lnTo>
                      <a:lnTo>
                        <a:pt x="797" y="469"/>
                      </a:lnTo>
                      <a:lnTo>
                        <a:pt x="798" y="468"/>
                      </a:lnTo>
                      <a:lnTo>
                        <a:pt x="800" y="468"/>
                      </a:lnTo>
                      <a:lnTo>
                        <a:pt x="800" y="468"/>
                      </a:lnTo>
                      <a:lnTo>
                        <a:pt x="801" y="468"/>
                      </a:lnTo>
                      <a:lnTo>
                        <a:pt x="801" y="467"/>
                      </a:lnTo>
                      <a:lnTo>
                        <a:pt x="802" y="467"/>
                      </a:lnTo>
                      <a:lnTo>
                        <a:pt x="803" y="467"/>
                      </a:lnTo>
                      <a:lnTo>
                        <a:pt x="803" y="467"/>
                      </a:lnTo>
                      <a:lnTo>
                        <a:pt x="804" y="465"/>
                      </a:lnTo>
                      <a:lnTo>
                        <a:pt x="804" y="465"/>
                      </a:lnTo>
                      <a:lnTo>
                        <a:pt x="805" y="464"/>
                      </a:lnTo>
                      <a:lnTo>
                        <a:pt x="805" y="464"/>
                      </a:lnTo>
                      <a:lnTo>
                        <a:pt x="806" y="464"/>
                      </a:lnTo>
                      <a:lnTo>
                        <a:pt x="806" y="463"/>
                      </a:lnTo>
                      <a:lnTo>
                        <a:pt x="808" y="463"/>
                      </a:lnTo>
                      <a:lnTo>
                        <a:pt x="808" y="463"/>
                      </a:lnTo>
                      <a:lnTo>
                        <a:pt x="809" y="462"/>
                      </a:lnTo>
                      <a:lnTo>
                        <a:pt x="809" y="462"/>
                      </a:lnTo>
                      <a:lnTo>
                        <a:pt x="810" y="461"/>
                      </a:lnTo>
                      <a:lnTo>
                        <a:pt x="810" y="461"/>
                      </a:lnTo>
                      <a:lnTo>
                        <a:pt x="811" y="460"/>
                      </a:lnTo>
                      <a:lnTo>
                        <a:pt x="811" y="460"/>
                      </a:lnTo>
                      <a:lnTo>
                        <a:pt x="811" y="460"/>
                      </a:lnTo>
                      <a:lnTo>
                        <a:pt x="811" y="460"/>
                      </a:lnTo>
                      <a:lnTo>
                        <a:pt x="811" y="458"/>
                      </a:lnTo>
                      <a:lnTo>
                        <a:pt x="812" y="458"/>
                      </a:lnTo>
                      <a:lnTo>
                        <a:pt x="812" y="458"/>
                      </a:lnTo>
                      <a:lnTo>
                        <a:pt x="812" y="458"/>
                      </a:lnTo>
                      <a:lnTo>
                        <a:pt x="812" y="457"/>
                      </a:lnTo>
                      <a:lnTo>
                        <a:pt x="813" y="457"/>
                      </a:lnTo>
                      <a:lnTo>
                        <a:pt x="813" y="456"/>
                      </a:lnTo>
                      <a:lnTo>
                        <a:pt x="813" y="456"/>
                      </a:lnTo>
                      <a:lnTo>
                        <a:pt x="815" y="455"/>
                      </a:lnTo>
                      <a:lnTo>
                        <a:pt x="815" y="454"/>
                      </a:lnTo>
                      <a:lnTo>
                        <a:pt x="816" y="454"/>
                      </a:lnTo>
                      <a:lnTo>
                        <a:pt x="816" y="454"/>
                      </a:lnTo>
                      <a:lnTo>
                        <a:pt x="816" y="453"/>
                      </a:lnTo>
                      <a:lnTo>
                        <a:pt x="816" y="452"/>
                      </a:lnTo>
                      <a:lnTo>
                        <a:pt x="817" y="450"/>
                      </a:lnTo>
                      <a:lnTo>
                        <a:pt x="817" y="450"/>
                      </a:lnTo>
                      <a:lnTo>
                        <a:pt x="817" y="449"/>
                      </a:lnTo>
                      <a:lnTo>
                        <a:pt x="817" y="449"/>
                      </a:lnTo>
                      <a:lnTo>
                        <a:pt x="817" y="448"/>
                      </a:lnTo>
                      <a:lnTo>
                        <a:pt x="817" y="448"/>
                      </a:lnTo>
                      <a:lnTo>
                        <a:pt x="818" y="447"/>
                      </a:lnTo>
                      <a:lnTo>
                        <a:pt x="818" y="446"/>
                      </a:lnTo>
                      <a:lnTo>
                        <a:pt x="818" y="446"/>
                      </a:lnTo>
                      <a:lnTo>
                        <a:pt x="818" y="445"/>
                      </a:lnTo>
                      <a:lnTo>
                        <a:pt x="818" y="445"/>
                      </a:lnTo>
                      <a:lnTo>
                        <a:pt x="818" y="444"/>
                      </a:lnTo>
                      <a:lnTo>
                        <a:pt x="818" y="442"/>
                      </a:lnTo>
                      <a:lnTo>
                        <a:pt x="818" y="442"/>
                      </a:lnTo>
                      <a:lnTo>
                        <a:pt x="818" y="441"/>
                      </a:lnTo>
                      <a:lnTo>
                        <a:pt x="818" y="440"/>
                      </a:lnTo>
                      <a:lnTo>
                        <a:pt x="819" y="440"/>
                      </a:lnTo>
                      <a:lnTo>
                        <a:pt x="819" y="440"/>
                      </a:lnTo>
                      <a:lnTo>
                        <a:pt x="819" y="440"/>
                      </a:lnTo>
                      <a:lnTo>
                        <a:pt x="819" y="229"/>
                      </a:lnTo>
                      <a:lnTo>
                        <a:pt x="758" y="229"/>
                      </a:lnTo>
                      <a:lnTo>
                        <a:pt x="758" y="376"/>
                      </a:lnTo>
                      <a:lnTo>
                        <a:pt x="749" y="367"/>
                      </a:lnTo>
                      <a:lnTo>
                        <a:pt x="738" y="359"/>
                      </a:lnTo>
                      <a:lnTo>
                        <a:pt x="728" y="351"/>
                      </a:lnTo>
                      <a:lnTo>
                        <a:pt x="717" y="343"/>
                      </a:lnTo>
                      <a:lnTo>
                        <a:pt x="705" y="334"/>
                      </a:lnTo>
                      <a:lnTo>
                        <a:pt x="694" y="325"/>
                      </a:lnTo>
                      <a:lnTo>
                        <a:pt x="682" y="316"/>
                      </a:lnTo>
                      <a:lnTo>
                        <a:pt x="671" y="306"/>
                      </a:lnTo>
                      <a:lnTo>
                        <a:pt x="658" y="298"/>
                      </a:lnTo>
                      <a:lnTo>
                        <a:pt x="646" y="289"/>
                      </a:lnTo>
                      <a:lnTo>
                        <a:pt x="634" y="280"/>
                      </a:lnTo>
                      <a:lnTo>
                        <a:pt x="621" y="271"/>
                      </a:lnTo>
                      <a:lnTo>
                        <a:pt x="608" y="261"/>
                      </a:lnTo>
                      <a:lnTo>
                        <a:pt x="597" y="252"/>
                      </a:lnTo>
                      <a:lnTo>
                        <a:pt x="584" y="243"/>
                      </a:lnTo>
                      <a:lnTo>
                        <a:pt x="571" y="235"/>
                      </a:lnTo>
                      <a:lnTo>
                        <a:pt x="584" y="227"/>
                      </a:lnTo>
                      <a:lnTo>
                        <a:pt x="597" y="218"/>
                      </a:lnTo>
                      <a:lnTo>
                        <a:pt x="608" y="209"/>
                      </a:lnTo>
                      <a:lnTo>
                        <a:pt x="621" y="199"/>
                      </a:lnTo>
                      <a:lnTo>
                        <a:pt x="634" y="190"/>
                      </a:lnTo>
                      <a:lnTo>
                        <a:pt x="646" y="181"/>
                      </a:lnTo>
                      <a:lnTo>
                        <a:pt x="658" y="172"/>
                      </a:lnTo>
                      <a:lnTo>
                        <a:pt x="671" y="162"/>
                      </a:lnTo>
                      <a:lnTo>
                        <a:pt x="682" y="154"/>
                      </a:lnTo>
                      <a:lnTo>
                        <a:pt x="694" y="145"/>
                      </a:lnTo>
                      <a:lnTo>
                        <a:pt x="705" y="136"/>
                      </a:lnTo>
                      <a:lnTo>
                        <a:pt x="717" y="127"/>
                      </a:lnTo>
                      <a:lnTo>
                        <a:pt x="728" y="119"/>
                      </a:lnTo>
                      <a:lnTo>
                        <a:pt x="738" y="111"/>
                      </a:lnTo>
                      <a:lnTo>
                        <a:pt x="749" y="103"/>
                      </a:lnTo>
                      <a:lnTo>
                        <a:pt x="758" y="94"/>
                      </a:lnTo>
                      <a:lnTo>
                        <a:pt x="758" y="229"/>
                      </a:lnTo>
                      <a:lnTo>
                        <a:pt x="819" y="229"/>
                      </a:lnTo>
                      <a:lnTo>
                        <a:pt x="819" y="30"/>
                      </a:lnTo>
                      <a:lnTo>
                        <a:pt x="819" y="30"/>
                      </a:lnTo>
                      <a:lnTo>
                        <a:pt x="819" y="29"/>
                      </a:lnTo>
                      <a:lnTo>
                        <a:pt x="818" y="29"/>
                      </a:lnTo>
                      <a:lnTo>
                        <a:pt x="818" y="29"/>
                      </a:lnTo>
                      <a:lnTo>
                        <a:pt x="818" y="28"/>
                      </a:lnTo>
                      <a:lnTo>
                        <a:pt x="818" y="26"/>
                      </a:lnTo>
                      <a:lnTo>
                        <a:pt x="818" y="26"/>
                      </a:lnTo>
                      <a:lnTo>
                        <a:pt x="818" y="25"/>
                      </a:lnTo>
                      <a:lnTo>
                        <a:pt x="818" y="24"/>
                      </a:lnTo>
                      <a:lnTo>
                        <a:pt x="818" y="24"/>
                      </a:lnTo>
                      <a:lnTo>
                        <a:pt x="818" y="24"/>
                      </a:lnTo>
                      <a:lnTo>
                        <a:pt x="818" y="23"/>
                      </a:lnTo>
                      <a:lnTo>
                        <a:pt x="817" y="22"/>
                      </a:lnTo>
                      <a:lnTo>
                        <a:pt x="817" y="21"/>
                      </a:lnTo>
                      <a:lnTo>
                        <a:pt x="817" y="21"/>
                      </a:lnTo>
                      <a:lnTo>
                        <a:pt x="817" y="20"/>
                      </a:lnTo>
                      <a:lnTo>
                        <a:pt x="817" y="20"/>
                      </a:lnTo>
                      <a:lnTo>
                        <a:pt x="817" y="18"/>
                      </a:lnTo>
                      <a:lnTo>
                        <a:pt x="816" y="18"/>
                      </a:lnTo>
                      <a:lnTo>
                        <a:pt x="816" y="17"/>
                      </a:lnTo>
                      <a:lnTo>
                        <a:pt x="816" y="16"/>
                      </a:lnTo>
                      <a:lnTo>
                        <a:pt x="816" y="16"/>
                      </a:lnTo>
                      <a:lnTo>
                        <a:pt x="815" y="16"/>
                      </a:lnTo>
                      <a:lnTo>
                        <a:pt x="815" y="15"/>
                      </a:lnTo>
                      <a:lnTo>
                        <a:pt x="813" y="14"/>
                      </a:lnTo>
                      <a:lnTo>
                        <a:pt x="813" y="13"/>
                      </a:lnTo>
                      <a:lnTo>
                        <a:pt x="813" y="13"/>
                      </a:lnTo>
                      <a:lnTo>
                        <a:pt x="812" y="12"/>
                      </a:lnTo>
                      <a:lnTo>
                        <a:pt x="812" y="12"/>
                      </a:lnTo>
                      <a:lnTo>
                        <a:pt x="812" y="12"/>
                      </a:lnTo>
                      <a:lnTo>
                        <a:pt x="812" y="12"/>
                      </a:lnTo>
                      <a:lnTo>
                        <a:pt x="811" y="10"/>
                      </a:lnTo>
                      <a:lnTo>
                        <a:pt x="811" y="10"/>
                      </a:lnTo>
                      <a:lnTo>
                        <a:pt x="811" y="10"/>
                      </a:lnTo>
                      <a:lnTo>
                        <a:pt x="811" y="10"/>
                      </a:lnTo>
                      <a:lnTo>
                        <a:pt x="811" y="10"/>
                      </a:lnTo>
                      <a:lnTo>
                        <a:pt x="810" y="9"/>
                      </a:lnTo>
                      <a:lnTo>
                        <a:pt x="810" y="9"/>
                      </a:lnTo>
                      <a:lnTo>
                        <a:pt x="809" y="8"/>
                      </a:lnTo>
                      <a:lnTo>
                        <a:pt x="809" y="8"/>
                      </a:lnTo>
                      <a:lnTo>
                        <a:pt x="808" y="7"/>
                      </a:lnTo>
                      <a:lnTo>
                        <a:pt x="808" y="7"/>
                      </a:lnTo>
                      <a:lnTo>
                        <a:pt x="806" y="7"/>
                      </a:lnTo>
                      <a:lnTo>
                        <a:pt x="806" y="6"/>
                      </a:lnTo>
                      <a:lnTo>
                        <a:pt x="805" y="6"/>
                      </a:lnTo>
                      <a:lnTo>
                        <a:pt x="805" y="5"/>
                      </a:lnTo>
                      <a:lnTo>
                        <a:pt x="804" y="5"/>
                      </a:lnTo>
                      <a:lnTo>
                        <a:pt x="804" y="5"/>
                      </a:lnTo>
                      <a:lnTo>
                        <a:pt x="803" y="3"/>
                      </a:lnTo>
                      <a:lnTo>
                        <a:pt x="803" y="3"/>
                      </a:lnTo>
                      <a:lnTo>
                        <a:pt x="802" y="3"/>
                      </a:lnTo>
                      <a:lnTo>
                        <a:pt x="801" y="3"/>
                      </a:lnTo>
                      <a:lnTo>
                        <a:pt x="801" y="2"/>
                      </a:lnTo>
                      <a:lnTo>
                        <a:pt x="800" y="2"/>
                      </a:lnTo>
                      <a:lnTo>
                        <a:pt x="800" y="2"/>
                      </a:lnTo>
                      <a:lnTo>
                        <a:pt x="798" y="2"/>
                      </a:lnTo>
                      <a:lnTo>
                        <a:pt x="797" y="1"/>
                      </a:lnTo>
                      <a:lnTo>
                        <a:pt x="797" y="1"/>
                      </a:lnTo>
                      <a:lnTo>
                        <a:pt x="796" y="1"/>
                      </a:lnTo>
                      <a:lnTo>
                        <a:pt x="796" y="1"/>
                      </a:lnTo>
                      <a:lnTo>
                        <a:pt x="795" y="1"/>
                      </a:lnTo>
                      <a:lnTo>
                        <a:pt x="795" y="0"/>
                      </a:lnTo>
                      <a:lnTo>
                        <a:pt x="794" y="0"/>
                      </a:lnTo>
                      <a:lnTo>
                        <a:pt x="793" y="0"/>
                      </a:lnTo>
                      <a:lnTo>
                        <a:pt x="791" y="0"/>
                      </a:lnTo>
                      <a:lnTo>
                        <a:pt x="791" y="0"/>
                      </a:lnTo>
                      <a:lnTo>
                        <a:pt x="790" y="0"/>
                      </a:lnTo>
                      <a:lnTo>
                        <a:pt x="789" y="0"/>
                      </a:lnTo>
                      <a:lnTo>
                        <a:pt x="789" y="0"/>
                      </a:lnTo>
                      <a:lnTo>
                        <a:pt x="789" y="0"/>
                      </a:lnTo>
                      <a:lnTo>
                        <a:pt x="789" y="0"/>
                      </a:lnTo>
                      <a:lnTo>
                        <a:pt x="788" y="0"/>
                      </a:lnTo>
                      <a:lnTo>
                        <a:pt x="385" y="0"/>
                      </a:lnTo>
                      <a:lnTo>
                        <a:pt x="385" y="61"/>
                      </a:lnTo>
                      <a:lnTo>
                        <a:pt x="703" y="61"/>
                      </a:lnTo>
                      <a:lnTo>
                        <a:pt x="690" y="70"/>
                      </a:lnTo>
                      <a:lnTo>
                        <a:pt x="679" y="81"/>
                      </a:lnTo>
                      <a:lnTo>
                        <a:pt x="666" y="90"/>
                      </a:lnTo>
                      <a:lnTo>
                        <a:pt x="653" y="99"/>
                      </a:lnTo>
                      <a:lnTo>
                        <a:pt x="642" y="108"/>
                      </a:lnTo>
                      <a:lnTo>
                        <a:pt x="629" y="117"/>
                      </a:lnTo>
                      <a:lnTo>
                        <a:pt x="618" y="127"/>
                      </a:lnTo>
                      <a:lnTo>
                        <a:pt x="605" y="136"/>
                      </a:lnTo>
                      <a:lnTo>
                        <a:pt x="593" y="144"/>
                      </a:lnTo>
                      <a:lnTo>
                        <a:pt x="582" y="153"/>
                      </a:lnTo>
                      <a:lnTo>
                        <a:pt x="570" y="161"/>
                      </a:lnTo>
                      <a:lnTo>
                        <a:pt x="559" y="169"/>
                      </a:lnTo>
                      <a:lnTo>
                        <a:pt x="548" y="177"/>
                      </a:lnTo>
                      <a:lnTo>
                        <a:pt x="537" y="185"/>
                      </a:lnTo>
                      <a:lnTo>
                        <a:pt x="527" y="192"/>
                      </a:lnTo>
                      <a:lnTo>
                        <a:pt x="516" y="199"/>
                      </a:lnTo>
                      <a:lnTo>
                        <a:pt x="508" y="204"/>
                      </a:lnTo>
                      <a:lnTo>
                        <a:pt x="501" y="210"/>
                      </a:lnTo>
                      <a:lnTo>
                        <a:pt x="494" y="214"/>
                      </a:lnTo>
                      <a:lnTo>
                        <a:pt x="487" y="219"/>
                      </a:lnTo>
                      <a:lnTo>
                        <a:pt x="480" y="223"/>
                      </a:lnTo>
                      <a:lnTo>
                        <a:pt x="474" y="227"/>
                      </a:lnTo>
                      <a:lnTo>
                        <a:pt x="467" y="232"/>
                      </a:lnTo>
                      <a:lnTo>
                        <a:pt x="461" y="235"/>
                      </a:lnTo>
                      <a:lnTo>
                        <a:pt x="452" y="240"/>
                      </a:lnTo>
                      <a:lnTo>
                        <a:pt x="444" y="244"/>
                      </a:lnTo>
                      <a:lnTo>
                        <a:pt x="437" y="248"/>
                      </a:lnTo>
                      <a:lnTo>
                        <a:pt x="430" y="251"/>
                      </a:lnTo>
                      <a:lnTo>
                        <a:pt x="423" y="253"/>
                      </a:lnTo>
                      <a:lnTo>
                        <a:pt x="417" y="256"/>
                      </a:lnTo>
                      <a:lnTo>
                        <a:pt x="412" y="257"/>
                      </a:lnTo>
                      <a:lnTo>
                        <a:pt x="409" y="258"/>
                      </a:lnTo>
                      <a:lnTo>
                        <a:pt x="406" y="257"/>
                      </a:lnTo>
                      <a:lnTo>
                        <a:pt x="401" y="256"/>
                      </a:lnTo>
                      <a:lnTo>
                        <a:pt x="395" y="253"/>
                      </a:lnTo>
                      <a:lnTo>
                        <a:pt x="389" y="251"/>
                      </a:lnTo>
                      <a:lnTo>
                        <a:pt x="383" y="248"/>
                      </a:lnTo>
                      <a:lnTo>
                        <a:pt x="376" y="244"/>
                      </a:lnTo>
                      <a:lnTo>
                        <a:pt x="368" y="240"/>
                      </a:lnTo>
                      <a:lnTo>
                        <a:pt x="358" y="235"/>
                      </a:lnTo>
                      <a:lnTo>
                        <a:pt x="353" y="232"/>
                      </a:lnTo>
                      <a:lnTo>
                        <a:pt x="346" y="227"/>
                      </a:lnTo>
                      <a:lnTo>
                        <a:pt x="339" y="223"/>
                      </a:lnTo>
                      <a:lnTo>
                        <a:pt x="332" y="219"/>
                      </a:lnTo>
                      <a:lnTo>
                        <a:pt x="325" y="214"/>
                      </a:lnTo>
                      <a:lnTo>
                        <a:pt x="317" y="210"/>
                      </a:lnTo>
                      <a:lnTo>
                        <a:pt x="310" y="204"/>
                      </a:lnTo>
                      <a:lnTo>
                        <a:pt x="302" y="199"/>
                      </a:lnTo>
                      <a:lnTo>
                        <a:pt x="291" y="192"/>
                      </a:lnTo>
                      <a:lnTo>
                        <a:pt x="281" y="185"/>
                      </a:lnTo>
                      <a:lnTo>
                        <a:pt x="270" y="177"/>
                      </a:lnTo>
                      <a:lnTo>
                        <a:pt x="259" y="169"/>
                      </a:lnTo>
                      <a:lnTo>
                        <a:pt x="248" y="161"/>
                      </a:lnTo>
                      <a:lnTo>
                        <a:pt x="236" y="153"/>
                      </a:lnTo>
                      <a:lnTo>
                        <a:pt x="225" y="144"/>
                      </a:lnTo>
                      <a:lnTo>
                        <a:pt x="213" y="136"/>
                      </a:lnTo>
                      <a:lnTo>
                        <a:pt x="202" y="127"/>
                      </a:lnTo>
                      <a:lnTo>
                        <a:pt x="189" y="117"/>
                      </a:lnTo>
                      <a:lnTo>
                        <a:pt x="177" y="108"/>
                      </a:lnTo>
                      <a:lnTo>
                        <a:pt x="165" y="99"/>
                      </a:lnTo>
                      <a:lnTo>
                        <a:pt x="153" y="90"/>
                      </a:lnTo>
                      <a:lnTo>
                        <a:pt x="141" y="81"/>
                      </a:lnTo>
                      <a:lnTo>
                        <a:pt x="129" y="70"/>
                      </a:lnTo>
                      <a:lnTo>
                        <a:pt x="116" y="61"/>
                      </a:lnTo>
                      <a:lnTo>
                        <a:pt x="385" y="61"/>
                      </a:lnTo>
                      <a:lnTo>
                        <a:pt x="385" y="0"/>
                      </a:lnTo>
                      <a:lnTo>
                        <a:pt x="30" y="0"/>
                      </a:lnTo>
                      <a:lnTo>
                        <a:pt x="30" y="0"/>
                      </a:lnTo>
                      <a:lnTo>
                        <a:pt x="30" y="0"/>
                      </a:lnTo>
                      <a:lnTo>
                        <a:pt x="30" y="0"/>
                      </a:lnTo>
                      <a:lnTo>
                        <a:pt x="29" y="0"/>
                      </a:lnTo>
                      <a:lnTo>
                        <a:pt x="28" y="0"/>
                      </a:lnTo>
                      <a:lnTo>
                        <a:pt x="28" y="0"/>
                      </a:lnTo>
                      <a:lnTo>
                        <a:pt x="27" y="0"/>
                      </a:lnTo>
                      <a:lnTo>
                        <a:pt x="25" y="0"/>
                      </a:lnTo>
                      <a:lnTo>
                        <a:pt x="25" y="0"/>
                      </a:lnTo>
                      <a:lnTo>
                        <a:pt x="24" y="0"/>
                      </a:lnTo>
                      <a:lnTo>
                        <a:pt x="24" y="1"/>
                      </a:lnTo>
                      <a:lnTo>
                        <a:pt x="23" y="1"/>
                      </a:lnTo>
                      <a:lnTo>
                        <a:pt x="22" y="1"/>
                      </a:lnTo>
                      <a:lnTo>
                        <a:pt x="22" y="1"/>
                      </a:lnTo>
                      <a:lnTo>
                        <a:pt x="21" y="1"/>
                      </a:lnTo>
                      <a:lnTo>
                        <a:pt x="20" y="2"/>
                      </a:lnTo>
                      <a:lnTo>
                        <a:pt x="20" y="2"/>
                      </a:lnTo>
                      <a:lnTo>
                        <a:pt x="18" y="2"/>
                      </a:lnTo>
                      <a:lnTo>
                        <a:pt x="18" y="2"/>
                      </a:lnTo>
                      <a:lnTo>
                        <a:pt x="17" y="3"/>
                      </a:lnTo>
                      <a:lnTo>
                        <a:pt x="16" y="3"/>
                      </a:lnTo>
                      <a:lnTo>
                        <a:pt x="16" y="3"/>
                      </a:lnTo>
                      <a:lnTo>
                        <a:pt x="16" y="3"/>
                      </a:lnTo>
                      <a:lnTo>
                        <a:pt x="15" y="5"/>
                      </a:lnTo>
                      <a:lnTo>
                        <a:pt x="14" y="5"/>
                      </a:lnTo>
                      <a:lnTo>
                        <a:pt x="14" y="5"/>
                      </a:lnTo>
                      <a:lnTo>
                        <a:pt x="13" y="6"/>
                      </a:lnTo>
                      <a:lnTo>
                        <a:pt x="13" y="6"/>
                      </a:lnTo>
                      <a:lnTo>
                        <a:pt x="12" y="7"/>
                      </a:lnTo>
                      <a:lnTo>
                        <a:pt x="12" y="7"/>
                      </a:lnTo>
                      <a:lnTo>
                        <a:pt x="10" y="7"/>
                      </a:lnTo>
                      <a:lnTo>
                        <a:pt x="10" y="8"/>
                      </a:lnTo>
                      <a:lnTo>
                        <a:pt x="9" y="8"/>
                      </a:lnTo>
                      <a:lnTo>
                        <a:pt x="9" y="9"/>
                      </a:lnTo>
                      <a:lnTo>
                        <a:pt x="9" y="9"/>
                      </a:lnTo>
                      <a:lnTo>
                        <a:pt x="8" y="10"/>
                      </a:lnTo>
                      <a:lnTo>
                        <a:pt x="8" y="10"/>
                      </a:lnTo>
                      <a:lnTo>
                        <a:pt x="8" y="10"/>
                      </a:lnTo>
                      <a:lnTo>
                        <a:pt x="7" y="10"/>
                      </a:lnTo>
                      <a:lnTo>
                        <a:pt x="7" y="10"/>
                      </a:lnTo>
                      <a:lnTo>
                        <a:pt x="7" y="12"/>
                      </a:lnTo>
                      <a:lnTo>
                        <a:pt x="7" y="12"/>
                      </a:lnTo>
                      <a:lnTo>
                        <a:pt x="7" y="12"/>
                      </a:lnTo>
                      <a:lnTo>
                        <a:pt x="6" y="12"/>
                      </a:lnTo>
                      <a:lnTo>
                        <a:pt x="6" y="13"/>
                      </a:lnTo>
                      <a:lnTo>
                        <a:pt x="6" y="13"/>
                      </a:lnTo>
                      <a:lnTo>
                        <a:pt x="5" y="14"/>
                      </a:lnTo>
                      <a:lnTo>
                        <a:pt x="5" y="15"/>
                      </a:lnTo>
                      <a:lnTo>
                        <a:pt x="3" y="16"/>
                      </a:lnTo>
                      <a:lnTo>
                        <a:pt x="3" y="16"/>
                      </a:lnTo>
                      <a:lnTo>
                        <a:pt x="3" y="16"/>
                      </a:lnTo>
                      <a:lnTo>
                        <a:pt x="3" y="17"/>
                      </a:lnTo>
                      <a:lnTo>
                        <a:pt x="2" y="18"/>
                      </a:lnTo>
                      <a:lnTo>
                        <a:pt x="2" y="18"/>
                      </a:lnTo>
                      <a:lnTo>
                        <a:pt x="2" y="20"/>
                      </a:lnTo>
                      <a:lnTo>
                        <a:pt x="2" y="20"/>
                      </a:lnTo>
                      <a:lnTo>
                        <a:pt x="1" y="21"/>
                      </a:lnTo>
                      <a:lnTo>
                        <a:pt x="1" y="21"/>
                      </a:lnTo>
                      <a:lnTo>
                        <a:pt x="1" y="22"/>
                      </a:lnTo>
                      <a:lnTo>
                        <a:pt x="1" y="23"/>
                      </a:lnTo>
                      <a:lnTo>
                        <a:pt x="1" y="24"/>
                      </a:lnTo>
                      <a:lnTo>
                        <a:pt x="1" y="24"/>
                      </a:lnTo>
                      <a:lnTo>
                        <a:pt x="1" y="24"/>
                      </a:lnTo>
                      <a:lnTo>
                        <a:pt x="0" y="25"/>
                      </a:lnTo>
                      <a:lnTo>
                        <a:pt x="0" y="26"/>
                      </a:lnTo>
                      <a:lnTo>
                        <a:pt x="0" y="26"/>
                      </a:lnTo>
                      <a:lnTo>
                        <a:pt x="0" y="28"/>
                      </a:lnTo>
                      <a:lnTo>
                        <a:pt x="0" y="29"/>
                      </a:lnTo>
                      <a:lnTo>
                        <a:pt x="0" y="29"/>
                      </a:lnTo>
                      <a:lnTo>
                        <a:pt x="0" y="29"/>
                      </a:lnTo>
                      <a:lnTo>
                        <a:pt x="0" y="30"/>
                      </a:lnTo>
                      <a:lnTo>
                        <a:pt x="0" y="30"/>
                      </a:lnTo>
                      <a:lnTo>
                        <a:pt x="0" y="222"/>
                      </a:lnTo>
                      <a:lnTo>
                        <a:pt x="61" y="222"/>
                      </a:lnTo>
                      <a:lnTo>
                        <a:pt x="61" y="94"/>
                      </a:lnTo>
                      <a:lnTo>
                        <a:pt x="70" y="103"/>
                      </a:lnTo>
                      <a:lnTo>
                        <a:pt x="81" y="111"/>
                      </a:lnTo>
                      <a:lnTo>
                        <a:pt x="91" y="119"/>
                      </a:lnTo>
                      <a:lnTo>
                        <a:pt x="101" y="127"/>
                      </a:lnTo>
                      <a:lnTo>
                        <a:pt x="113" y="136"/>
                      </a:lnTo>
                      <a:lnTo>
                        <a:pt x="124" y="145"/>
                      </a:lnTo>
                      <a:lnTo>
                        <a:pt x="136" y="154"/>
                      </a:lnTo>
                      <a:lnTo>
                        <a:pt x="147" y="162"/>
                      </a:lnTo>
                      <a:lnTo>
                        <a:pt x="160" y="172"/>
                      </a:lnTo>
                      <a:lnTo>
                        <a:pt x="172" y="181"/>
                      </a:lnTo>
                      <a:lnTo>
                        <a:pt x="184" y="190"/>
                      </a:lnTo>
                      <a:lnTo>
                        <a:pt x="197" y="199"/>
                      </a:lnTo>
                      <a:lnTo>
                        <a:pt x="210" y="209"/>
                      </a:lnTo>
                      <a:lnTo>
                        <a:pt x="221" y="218"/>
                      </a:lnTo>
                      <a:lnTo>
                        <a:pt x="234" y="227"/>
                      </a:lnTo>
                      <a:lnTo>
                        <a:pt x="247" y="235"/>
                      </a:lnTo>
                      <a:lnTo>
                        <a:pt x="234" y="243"/>
                      </a:lnTo>
                      <a:lnTo>
                        <a:pt x="221" y="252"/>
                      </a:lnTo>
                      <a:lnTo>
                        <a:pt x="210" y="261"/>
                      </a:lnTo>
                      <a:lnTo>
                        <a:pt x="197" y="271"/>
                      </a:lnTo>
                      <a:lnTo>
                        <a:pt x="184" y="280"/>
                      </a:lnTo>
                      <a:lnTo>
                        <a:pt x="172" y="289"/>
                      </a:lnTo>
                      <a:lnTo>
                        <a:pt x="160" y="298"/>
                      </a:lnTo>
                      <a:lnTo>
                        <a:pt x="147" y="306"/>
                      </a:lnTo>
                      <a:lnTo>
                        <a:pt x="136" y="316"/>
                      </a:lnTo>
                      <a:lnTo>
                        <a:pt x="124" y="325"/>
                      </a:lnTo>
                      <a:lnTo>
                        <a:pt x="113" y="334"/>
                      </a:lnTo>
                      <a:lnTo>
                        <a:pt x="101" y="343"/>
                      </a:lnTo>
                      <a:lnTo>
                        <a:pt x="91" y="351"/>
                      </a:lnTo>
                      <a:lnTo>
                        <a:pt x="81" y="359"/>
                      </a:lnTo>
                      <a:lnTo>
                        <a:pt x="70" y="367"/>
                      </a:lnTo>
                      <a:lnTo>
                        <a:pt x="61" y="376"/>
                      </a:lnTo>
                      <a:lnTo>
                        <a:pt x="61" y="222"/>
                      </a:lnTo>
                      <a:lnTo>
                        <a:pt x="0" y="222"/>
                      </a:lnTo>
                      <a:lnTo>
                        <a:pt x="0" y="440"/>
                      </a:lnTo>
                      <a:lnTo>
                        <a:pt x="0" y="440"/>
                      </a:lnTo>
                      <a:lnTo>
                        <a:pt x="0" y="440"/>
                      </a:lnTo>
                      <a:lnTo>
                        <a:pt x="0" y="440"/>
                      </a:lnTo>
                      <a:lnTo>
                        <a:pt x="0" y="441"/>
                      </a:lnTo>
                      <a:close/>
                    </a:path>
                  </a:pathLst>
                </a:custGeom>
                <a:solidFill>
                  <a:schemeClr val="tx1"/>
                </a:solidFill>
                <a:ln w="0">
                  <a:solidFill>
                    <a:schemeClr val="tx1"/>
                  </a:solidFill>
                  <a:round/>
                  <a:headEnd/>
                  <a:tailEnd/>
                </a:ln>
              </p:spPr>
              <p:txBody>
                <a:bodyPr vert="horz" wrap="square" lIns="91440" tIns="45720" rIns="91440" bIns="45720" numCol="1" anchor="t" anchorCtr="0" compatLnSpc="1">
                  <a:prstTxWarp prst="textNoShape">
                    <a:avLst/>
                  </a:prstTxWarp>
                </a:bodyPr>
                <a:lstStyle/>
                <a:p>
                  <a:endParaRPr lang="en-US">
                    <a:solidFill>
                      <a:srgbClr val="E2D098"/>
                    </a:solidFill>
                  </a:endParaRPr>
                </a:p>
              </p:txBody>
            </p:sp>
          </p:grpSp>
          <p:sp>
            <p:nvSpPr>
              <p:cNvPr id="25" name="Flowchart: Delay 2"/>
              <p:cNvSpPr/>
              <p:nvPr userDrawn="1"/>
            </p:nvSpPr>
            <p:spPr bwMode="auto">
              <a:xfrm rot="16200000">
                <a:off x="4114431" y="4894869"/>
                <a:ext cx="259973" cy="114298"/>
              </a:xfrm>
              <a:custGeom>
                <a:avLst/>
                <a:gdLst/>
                <a:ahLst/>
                <a:cxnLst/>
                <a:rect l="l" t="t" r="r" b="b"/>
                <a:pathLst>
                  <a:path w="1213224" h="533400">
                    <a:moveTo>
                      <a:pt x="1213224" y="266700"/>
                    </a:moveTo>
                    <a:cubicBezTo>
                      <a:pt x="1213224" y="392952"/>
                      <a:pt x="1110876" y="495300"/>
                      <a:pt x="984624" y="495300"/>
                    </a:cubicBezTo>
                    <a:cubicBezTo>
                      <a:pt x="866660" y="495300"/>
                      <a:pt x="769565" y="405949"/>
                      <a:pt x="758485" y="291110"/>
                    </a:cubicBezTo>
                    <a:cubicBezTo>
                      <a:pt x="742616" y="427094"/>
                      <a:pt x="579543" y="533400"/>
                      <a:pt x="381000" y="533400"/>
                    </a:cubicBezTo>
                    <a:lnTo>
                      <a:pt x="0" y="533400"/>
                    </a:lnTo>
                    <a:lnTo>
                      <a:pt x="0" y="0"/>
                    </a:lnTo>
                    <a:lnTo>
                      <a:pt x="381000" y="0"/>
                    </a:lnTo>
                    <a:cubicBezTo>
                      <a:pt x="579543" y="0"/>
                      <a:pt x="742616" y="106306"/>
                      <a:pt x="758485" y="242290"/>
                    </a:cubicBezTo>
                    <a:cubicBezTo>
                      <a:pt x="769565" y="127451"/>
                      <a:pt x="866660" y="38100"/>
                      <a:pt x="984624" y="38100"/>
                    </a:cubicBezTo>
                    <a:cubicBezTo>
                      <a:pt x="1110876" y="38100"/>
                      <a:pt x="1213224" y="140448"/>
                      <a:pt x="1213224" y="266700"/>
                    </a:cubicBezTo>
                    <a:close/>
                  </a:path>
                </a:pathLst>
              </a:custGeom>
              <a:solidFill>
                <a:schemeClr val="tx1"/>
              </a:solidFill>
              <a:ln w="9525" cap="flat" cmpd="sng" algn="ctr">
                <a:noFill/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91440" tIns="45720" rIns="91440" bIns="45720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0" marR="0" indent="0" algn="l" defTabSz="765175" rtl="0" eaLnBrk="1" fontAlgn="base" latinLnBrk="0" hangingPunct="1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en-US" sz="1500" b="0" i="0" u="none" strike="noStrike" cap="none" normalizeH="0" baseline="0" smtClean="0">
                  <a:ln>
                    <a:noFill/>
                  </a:ln>
                  <a:solidFill>
                    <a:schemeClr val="tx1"/>
                  </a:solidFill>
                  <a:effectLst/>
                  <a:latin typeface="Arial" charset="0"/>
                </a:endParaRPr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val="2639552295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5468938" y="233363"/>
            <a:ext cx="1697037" cy="4978400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377825" y="233363"/>
            <a:ext cx="4938713" cy="4978400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xfrm>
            <a:off x="5407025" y="5313363"/>
            <a:ext cx="1758950" cy="404812"/>
          </a:xfrm>
          <a:prstGeom prst="rect">
            <a:avLst/>
          </a:prstGeom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408AA61-DC62-4BC1-9C0B-2D0F9649FD1A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76224478"/>
      </p:ext>
    </p:extLst>
  </p:cSld>
  <p:clrMapOvr>
    <a:masterClrMapping/>
  </p:clrMapOvr>
  <p:transition>
    <p:fade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stripey gray"/>
          <p:cNvSpPr/>
          <p:nvPr userDrawn="1"/>
        </p:nvSpPr>
        <p:spPr>
          <a:xfrm>
            <a:off x="-50050" y="0"/>
            <a:ext cx="7593850" cy="5834063"/>
          </a:xfrm>
          <a:prstGeom prst="rect">
            <a:avLst/>
          </a:prstGeom>
          <a:pattFill prst="wdUpDiag">
            <a:fgClr>
              <a:srgbClr val="EAEAEA"/>
            </a:fgClr>
            <a:bgClr>
              <a:srgbClr val="EFEFEF"/>
            </a:bgClr>
          </a:patt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en-US"/>
          </a:p>
        </p:txBody>
      </p:sp>
      <p:sp>
        <p:nvSpPr>
          <p:cNvPr id="8" name="solid gray"/>
          <p:cNvSpPr/>
          <p:nvPr userDrawn="1"/>
        </p:nvSpPr>
        <p:spPr>
          <a:xfrm>
            <a:off x="-50051" y="-1"/>
            <a:ext cx="7593851" cy="4669631"/>
          </a:xfrm>
          <a:prstGeom prst="rect">
            <a:avLst/>
          </a:prstGeom>
          <a:gradFill>
            <a:gsLst>
              <a:gs pos="0">
                <a:srgbClr val="EFEFEF"/>
              </a:gs>
              <a:gs pos="50000">
                <a:srgbClr val="EFEFEF"/>
              </a:gs>
              <a:gs pos="100000">
                <a:schemeClr val="accent1">
                  <a:tint val="23500"/>
                  <a:satMod val="160000"/>
                  <a:alpha val="0"/>
                </a:schemeClr>
              </a:gs>
            </a:gsLst>
            <a:lin ang="54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r"/>
            <a:endParaRPr lang="en-US" dirty="0"/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419100" y="592931"/>
            <a:ext cx="6705600" cy="4648200"/>
          </a:xfrm>
          <a:prstGeom prst="roundRect">
            <a:avLst/>
          </a:prstGeom>
          <a:solidFill>
            <a:schemeClr val="bg1"/>
          </a:solidFill>
          <a:ln w="25400" cap="flat" cmpd="sng" algn="ctr">
            <a:solidFill>
              <a:schemeClr val="bg1">
                <a:lumMod val="75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</a:bodyPr>
          <a:lstStyle/>
          <a:p>
            <a:pPr marL="0" marR="0" indent="0" algn="l" defTabSz="765175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5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charset="0"/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1028699" y="648494"/>
            <a:ext cx="5562601" cy="973137"/>
          </a:xfrm>
        </p:spPr>
        <p:txBody>
          <a:bodyPr/>
          <a:lstStyle>
            <a:lvl1pPr algn="l">
              <a:defRPr sz="4400" b="1">
                <a:solidFill>
                  <a:srgbClr val="5A4469"/>
                </a:solidFill>
                <a:latin typeface="Arial Narrow" pitchFamily="34" charset="0"/>
              </a:defRPr>
            </a:lvl1pPr>
          </a:lstStyle>
          <a:p>
            <a:r>
              <a:rPr lang="en-US" dirty="0" smtClean="0"/>
              <a:t>TIT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 hasCustomPrompt="1"/>
          </p:nvPr>
        </p:nvSpPr>
        <p:spPr>
          <a:xfrm>
            <a:off x="1028699" y="1621631"/>
            <a:ext cx="5562601" cy="3590132"/>
          </a:xfrm>
        </p:spPr>
        <p:txBody>
          <a:bodyPr/>
          <a:lstStyle>
            <a:lvl1pPr marL="349250" indent="-349250">
              <a:buSzPct val="120000"/>
              <a:buFontTx/>
              <a:buBlip>
                <a:blip r:embed="rId2"/>
              </a:buBlip>
              <a:defRPr>
                <a:latin typeface="Arial Narrow" pitchFamily="34" charset="0"/>
              </a:defRPr>
            </a:lvl1pPr>
            <a:lvl2pPr marL="909638" indent="-331788">
              <a:buSzPct val="70000"/>
              <a:buFontTx/>
              <a:buBlip>
                <a:blip r:embed="rId3"/>
              </a:buBlip>
              <a:defRPr>
                <a:latin typeface="Arial Narrow" pitchFamily="34" charset="0"/>
              </a:defRPr>
            </a:lvl2pPr>
            <a:lvl3pPr marL="1431925" indent="-228600">
              <a:buSzPct val="70000"/>
              <a:buFontTx/>
              <a:buBlip>
                <a:blip r:embed="rId3"/>
              </a:buBlip>
              <a:defRPr>
                <a:latin typeface="Arial Narrow" pitchFamily="34" charset="0"/>
              </a:defRPr>
            </a:lvl3pPr>
            <a:lvl4pPr marL="1738313" indent="-192088">
              <a:buSzPct val="70000"/>
              <a:buFontTx/>
              <a:buBlip>
                <a:blip r:embed="rId3"/>
              </a:buBlip>
              <a:defRPr>
                <a:latin typeface="Arial Narrow" pitchFamily="34" charset="0"/>
              </a:defRPr>
            </a:lvl4pPr>
            <a:lvl5pPr marL="2043113" indent="-190500">
              <a:buSzPct val="70000"/>
              <a:buFontTx/>
              <a:buBlip>
                <a:blip r:embed="rId3"/>
              </a:buBlip>
              <a:defRPr>
                <a:latin typeface="Arial Narrow" pitchFamily="34" charset="0"/>
              </a:defRPr>
            </a:lvl5pPr>
          </a:lstStyle>
          <a:p>
            <a:pPr lvl="0"/>
            <a:r>
              <a:rPr lang="en-US" dirty="0" smtClean="0"/>
              <a:t>Text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Don’t you dare go this far with a bullet</a:t>
            </a:r>
          </a:p>
          <a:p>
            <a:pPr lvl="3"/>
            <a:r>
              <a:rPr lang="en-US" dirty="0" smtClean="0"/>
              <a:t>Unacceptable</a:t>
            </a:r>
          </a:p>
          <a:p>
            <a:pPr lvl="4"/>
            <a:r>
              <a:rPr lang="en-US" dirty="0" smtClean="0"/>
              <a:t>You kidding?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91439312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77825" y="1362075"/>
            <a:ext cx="3317875" cy="3849688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848100" y="1362075"/>
            <a:ext cx="3317875" cy="3849688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 noChangeArrowheads="1"/>
          </p:cNvSpPr>
          <p:nvPr>
            <p:ph type="sldNum" sz="quarter" idx="12"/>
          </p:nvPr>
        </p:nvSpPr>
        <p:spPr>
          <a:xfrm>
            <a:off x="5407025" y="5313363"/>
            <a:ext cx="1758950" cy="404812"/>
          </a:xfrm>
          <a:prstGeom prst="rect">
            <a:avLst/>
          </a:prstGeom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74DE6A1-1279-434C-8EA1-50B71861582C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21764555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77825" y="1306513"/>
            <a:ext cx="3332163" cy="542925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77825" y="1849438"/>
            <a:ext cx="3332163" cy="3362325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832225" y="1306513"/>
            <a:ext cx="3333750" cy="542925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832225" y="1849438"/>
            <a:ext cx="3333750" cy="3362325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xfrm>
            <a:off x="5407025" y="5313363"/>
            <a:ext cx="1758950" cy="404812"/>
          </a:xfrm>
          <a:prstGeom prst="rect">
            <a:avLst/>
          </a:prstGeom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40A326B0-69C0-4E63-8BA1-33C9FA810AED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8694550"/>
      </p:ext>
    </p:extLst>
  </p:cSld>
  <p:clrMapOvr>
    <a:masterClrMapping/>
  </p:clrMapOvr>
  <p:transition>
    <p:fade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xfrm>
            <a:off x="5407025" y="5313363"/>
            <a:ext cx="1758950" cy="404812"/>
          </a:xfrm>
          <a:prstGeom prst="rect">
            <a:avLst/>
          </a:prstGeom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0388140-4A02-4336-AE0C-7029D0D16593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73969622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stripey gray"/>
          <p:cNvSpPr/>
          <p:nvPr userDrawn="1"/>
        </p:nvSpPr>
        <p:spPr>
          <a:xfrm>
            <a:off x="-50050" y="0"/>
            <a:ext cx="7593850" cy="5834063"/>
          </a:xfrm>
          <a:prstGeom prst="rect">
            <a:avLst/>
          </a:prstGeom>
          <a:pattFill prst="wdUpDiag">
            <a:fgClr>
              <a:srgbClr val="EAEAEA"/>
            </a:fgClr>
            <a:bgClr>
              <a:srgbClr val="EFEFEF"/>
            </a:bgClr>
          </a:patt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en-US"/>
          </a:p>
        </p:txBody>
      </p:sp>
      <p:sp>
        <p:nvSpPr>
          <p:cNvPr id="6" name="solid gray"/>
          <p:cNvSpPr/>
          <p:nvPr userDrawn="1"/>
        </p:nvSpPr>
        <p:spPr>
          <a:xfrm>
            <a:off x="-50051" y="-1"/>
            <a:ext cx="7593851" cy="4669631"/>
          </a:xfrm>
          <a:prstGeom prst="rect">
            <a:avLst/>
          </a:prstGeom>
          <a:gradFill>
            <a:gsLst>
              <a:gs pos="0">
                <a:srgbClr val="EFEFEF"/>
              </a:gs>
              <a:gs pos="50000">
                <a:srgbClr val="EFEFEF"/>
              </a:gs>
              <a:gs pos="100000">
                <a:schemeClr val="accent1">
                  <a:tint val="23500"/>
                  <a:satMod val="160000"/>
                  <a:alpha val="0"/>
                </a:schemeClr>
              </a:gs>
            </a:gsLst>
            <a:lin ang="5400000" scaled="0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r"/>
            <a:endParaRPr lang="en-US" dirty="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419100" y="592931"/>
            <a:ext cx="6705600" cy="4648200"/>
          </a:xfrm>
          <a:prstGeom prst="roundRect">
            <a:avLst/>
          </a:prstGeom>
          <a:solidFill>
            <a:schemeClr val="bg1"/>
          </a:solidFill>
          <a:ln w="25400" cap="flat" cmpd="sng" algn="ctr">
            <a:solidFill>
              <a:schemeClr val="bg1">
                <a:lumMod val="75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</a:bodyPr>
          <a:lstStyle/>
          <a:p>
            <a:pPr marL="0" marR="0" indent="0" algn="l" defTabSz="765175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5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508118337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377825" y="231775"/>
            <a:ext cx="2481263" cy="989013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949575" y="231775"/>
            <a:ext cx="4216400" cy="4979988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377825" y="1220788"/>
            <a:ext cx="2481263" cy="3990975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 noChangeArrowheads="1"/>
          </p:cNvSpPr>
          <p:nvPr>
            <p:ph type="sldNum" sz="quarter" idx="12"/>
          </p:nvPr>
        </p:nvSpPr>
        <p:spPr>
          <a:xfrm>
            <a:off x="5407025" y="5313363"/>
            <a:ext cx="1758950" cy="404812"/>
          </a:xfrm>
          <a:prstGeom prst="rect">
            <a:avLst/>
          </a:prstGeom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A118BEB1-81E6-4A69-A55F-4C7700377585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24133424"/>
      </p:ext>
    </p:extLst>
  </p:cSld>
  <p:clrMapOvr>
    <a:masterClrMapping/>
  </p:clrMapOvr>
  <p:transition>
    <p:fade/>
  </p:transition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477963" y="4084638"/>
            <a:ext cx="4527550" cy="481012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477963" y="520700"/>
            <a:ext cx="4527550" cy="3500438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US" noProof="0" smtClean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477963" y="4565650"/>
            <a:ext cx="4527550" cy="685800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 noChangeArrowheads="1"/>
          </p:cNvSpPr>
          <p:nvPr>
            <p:ph type="sldNum" sz="quarter" idx="12"/>
          </p:nvPr>
        </p:nvSpPr>
        <p:spPr>
          <a:xfrm>
            <a:off x="5407025" y="5313363"/>
            <a:ext cx="1758950" cy="404812"/>
          </a:xfrm>
          <a:prstGeom prst="rect">
            <a:avLst/>
          </a:prstGeom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9080404-6C76-4DF9-AB73-AD382ECE4C01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21639815"/>
      </p:ext>
    </p:extLst>
  </p:cSld>
  <p:clrMapOvr>
    <a:masterClrMapping/>
  </p:clrMapOvr>
  <p:transition>
    <p:fade/>
  </p:transition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xfrm>
            <a:off x="5407025" y="5313363"/>
            <a:ext cx="1758950" cy="404812"/>
          </a:xfrm>
          <a:prstGeom prst="rect">
            <a:avLst/>
          </a:prstGeom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630C75B-CCBE-4E79-888D-B460067D277D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83158097"/>
      </p:ext>
    </p:extLst>
  </p:cSld>
  <p:clrMapOvr>
    <a:masterClrMapping/>
  </p:clrMapOvr>
  <p:transition>
    <p:fade/>
  </p:transition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7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377825" y="233363"/>
            <a:ext cx="6788150" cy="9731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76444" tIns="38222" rIns="76444" bIns="38222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 smtClean="0"/>
              <a:t>Click to edit Master title style</a:t>
            </a:r>
          </a:p>
        </p:txBody>
      </p:sp>
      <p:sp>
        <p:nvSpPr>
          <p:cNvPr id="1028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377825" y="1362075"/>
            <a:ext cx="6788150" cy="38496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76444" tIns="38222" rIns="76444" bIns="38222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</a:p>
        </p:txBody>
      </p:sp>
      <p:sp>
        <p:nvSpPr>
          <p:cNvPr id="2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377825" y="5313363"/>
            <a:ext cx="1758950" cy="40481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76444" tIns="38222" rIns="76444" bIns="38222" numCol="1" anchor="t" anchorCtr="0" compatLnSpc="1">
            <a:prstTxWarp prst="textNoShape">
              <a:avLst/>
            </a:prstTxWarp>
          </a:bodyPr>
          <a:lstStyle>
            <a:lvl1pPr>
              <a:defRPr sz="1200"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2578100" y="5313363"/>
            <a:ext cx="2387600" cy="40481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76444" tIns="38222" rIns="76444" bIns="38222" numCol="1" anchor="t" anchorCtr="0" compatLnSpc="1">
            <a:prstTxWarp prst="textNoShape">
              <a:avLst/>
            </a:prstTxWarp>
          </a:bodyPr>
          <a:lstStyle>
            <a:lvl1pPr algn="ctr">
              <a:defRPr sz="1200"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2" r:id="rId3"/>
    <p:sldLayoutId id="2147483653" r:id="rId4"/>
    <p:sldLayoutId id="2147483654" r:id="rId5"/>
    <p:sldLayoutId id="2147483655" r:id="rId6"/>
    <p:sldLayoutId id="2147483656" r:id="rId7"/>
    <p:sldLayoutId id="2147483657" r:id="rId8"/>
    <p:sldLayoutId id="2147483658" r:id="rId9"/>
    <p:sldLayoutId id="2147483659" r:id="rId10"/>
  </p:sldLayoutIdLst>
  <p:transition>
    <p:fade/>
  </p:transition>
  <p:timing>
    <p:tnLst>
      <p:par>
        <p:cTn id="1" dur="indefinite" restart="never" nodeType="tmRoot"/>
      </p:par>
    </p:tnLst>
  </p:timing>
  <p:hf hdr="0" ftr="0" dt="0"/>
  <p:txStyles>
    <p:titleStyle>
      <a:lvl1pPr algn="ctr" defTabSz="765175" rtl="0" eaLnBrk="0" fontAlgn="base" hangingPunct="0">
        <a:spcBef>
          <a:spcPct val="0"/>
        </a:spcBef>
        <a:spcAft>
          <a:spcPct val="0"/>
        </a:spcAft>
        <a:defRPr sz="2900" b="0" i="0" u="none">
          <a:solidFill>
            <a:schemeClr val="tx2"/>
          </a:solidFill>
          <a:latin typeface="+mj-lt"/>
          <a:ea typeface="+mj-ea"/>
          <a:cs typeface="+mj-cs"/>
        </a:defRPr>
      </a:lvl1pPr>
      <a:lvl2pPr algn="ctr" defTabSz="765175" rtl="0" eaLnBrk="0" fontAlgn="base" hangingPunct="0">
        <a:spcBef>
          <a:spcPct val="0"/>
        </a:spcBef>
        <a:spcAft>
          <a:spcPct val="0"/>
        </a:spcAft>
        <a:defRPr sz="2900">
          <a:solidFill>
            <a:schemeClr val="tx2"/>
          </a:solidFill>
          <a:latin typeface="Verdana" pitchFamily="34" charset="0"/>
        </a:defRPr>
      </a:lvl2pPr>
      <a:lvl3pPr algn="ctr" defTabSz="765175" rtl="0" eaLnBrk="0" fontAlgn="base" hangingPunct="0">
        <a:spcBef>
          <a:spcPct val="0"/>
        </a:spcBef>
        <a:spcAft>
          <a:spcPct val="0"/>
        </a:spcAft>
        <a:defRPr sz="2900">
          <a:solidFill>
            <a:schemeClr val="tx2"/>
          </a:solidFill>
          <a:latin typeface="Verdana" pitchFamily="34" charset="0"/>
        </a:defRPr>
      </a:lvl3pPr>
      <a:lvl4pPr algn="ctr" defTabSz="765175" rtl="0" eaLnBrk="0" fontAlgn="base" hangingPunct="0">
        <a:spcBef>
          <a:spcPct val="0"/>
        </a:spcBef>
        <a:spcAft>
          <a:spcPct val="0"/>
        </a:spcAft>
        <a:defRPr sz="2900">
          <a:solidFill>
            <a:schemeClr val="tx2"/>
          </a:solidFill>
          <a:latin typeface="Verdana" pitchFamily="34" charset="0"/>
        </a:defRPr>
      </a:lvl4pPr>
      <a:lvl5pPr algn="ctr" defTabSz="765175" rtl="0" eaLnBrk="0" fontAlgn="base" hangingPunct="0">
        <a:spcBef>
          <a:spcPct val="0"/>
        </a:spcBef>
        <a:spcAft>
          <a:spcPct val="0"/>
        </a:spcAft>
        <a:defRPr sz="2900">
          <a:solidFill>
            <a:schemeClr val="tx2"/>
          </a:solidFill>
          <a:latin typeface="Verdana" pitchFamily="34" charset="0"/>
        </a:defRPr>
      </a:lvl5pPr>
      <a:lvl6pPr marL="457200" algn="ctr" defTabSz="765175" rtl="0" fontAlgn="base">
        <a:spcBef>
          <a:spcPct val="0"/>
        </a:spcBef>
        <a:spcAft>
          <a:spcPct val="0"/>
        </a:spcAft>
        <a:defRPr sz="2900">
          <a:solidFill>
            <a:schemeClr val="tx2"/>
          </a:solidFill>
          <a:latin typeface="Verdana" pitchFamily="34" charset="0"/>
        </a:defRPr>
      </a:lvl6pPr>
      <a:lvl7pPr marL="914400" algn="ctr" defTabSz="765175" rtl="0" fontAlgn="base">
        <a:spcBef>
          <a:spcPct val="0"/>
        </a:spcBef>
        <a:spcAft>
          <a:spcPct val="0"/>
        </a:spcAft>
        <a:defRPr sz="2900">
          <a:solidFill>
            <a:schemeClr val="tx2"/>
          </a:solidFill>
          <a:latin typeface="Verdana" pitchFamily="34" charset="0"/>
        </a:defRPr>
      </a:lvl7pPr>
      <a:lvl8pPr marL="1371600" algn="ctr" defTabSz="765175" rtl="0" fontAlgn="base">
        <a:spcBef>
          <a:spcPct val="0"/>
        </a:spcBef>
        <a:spcAft>
          <a:spcPct val="0"/>
        </a:spcAft>
        <a:defRPr sz="2900">
          <a:solidFill>
            <a:schemeClr val="tx2"/>
          </a:solidFill>
          <a:latin typeface="Verdana" pitchFamily="34" charset="0"/>
        </a:defRPr>
      </a:lvl8pPr>
      <a:lvl9pPr marL="1828800" algn="ctr" defTabSz="765175" rtl="0" fontAlgn="base">
        <a:spcBef>
          <a:spcPct val="0"/>
        </a:spcBef>
        <a:spcAft>
          <a:spcPct val="0"/>
        </a:spcAft>
        <a:defRPr sz="2900">
          <a:solidFill>
            <a:schemeClr val="tx2"/>
          </a:solidFill>
          <a:latin typeface="Verdana" pitchFamily="34" charset="0"/>
        </a:defRPr>
      </a:lvl9pPr>
    </p:titleStyle>
    <p:bodyStyle>
      <a:lvl1pPr marL="349250" indent="-349250" algn="l" defTabSz="765175" rtl="0" eaLnBrk="0" fontAlgn="base" hangingPunct="0">
        <a:spcBef>
          <a:spcPct val="20000"/>
        </a:spcBef>
        <a:spcAft>
          <a:spcPct val="20000"/>
        </a:spcAft>
        <a:buFont typeface="Wingdings" pitchFamily="2" charset="2"/>
        <a:buChar char="Ø"/>
        <a:defRPr sz="2100">
          <a:solidFill>
            <a:schemeClr val="tx1"/>
          </a:solidFill>
          <a:latin typeface="+mn-lt"/>
          <a:ea typeface="+mn-ea"/>
          <a:cs typeface="+mn-cs"/>
        </a:defRPr>
      </a:lvl1pPr>
      <a:lvl2pPr marL="909638" indent="-331788" algn="l" defTabSz="765175" rtl="0" eaLnBrk="0" fontAlgn="base" hangingPunct="0">
        <a:spcBef>
          <a:spcPct val="20000"/>
        </a:spcBef>
        <a:spcAft>
          <a:spcPct val="20000"/>
        </a:spcAft>
        <a:buFont typeface="Wingdings" pitchFamily="2" charset="2"/>
        <a:buChar char="v"/>
        <a:defRPr sz="1900" b="0" i="0" u="none">
          <a:solidFill>
            <a:schemeClr val="tx1"/>
          </a:solidFill>
          <a:latin typeface="+mn-lt"/>
        </a:defRPr>
      </a:lvl2pPr>
      <a:lvl3pPr marL="1431925" indent="-228600" algn="l" defTabSz="765175" rtl="0" eaLnBrk="0" fontAlgn="base" hangingPunct="0">
        <a:spcBef>
          <a:spcPct val="20000"/>
        </a:spcBef>
        <a:spcAft>
          <a:spcPct val="20000"/>
        </a:spcAft>
        <a:buChar char="•"/>
        <a:defRPr sz="1600">
          <a:solidFill>
            <a:schemeClr val="tx1"/>
          </a:solidFill>
          <a:latin typeface="+mn-lt"/>
        </a:defRPr>
      </a:lvl3pPr>
      <a:lvl4pPr marL="1738313" indent="-192088" algn="l" defTabSz="765175" rtl="0" eaLnBrk="0" fontAlgn="base" hangingPunct="0">
        <a:spcBef>
          <a:spcPct val="20000"/>
        </a:spcBef>
        <a:spcAft>
          <a:spcPct val="20000"/>
        </a:spcAft>
        <a:buChar char="–"/>
        <a:defRPr sz="1500">
          <a:solidFill>
            <a:schemeClr val="tx1"/>
          </a:solidFill>
          <a:latin typeface="+mn-lt"/>
        </a:defRPr>
      </a:lvl4pPr>
      <a:lvl5pPr marL="2043113" indent="-190500" algn="l" defTabSz="765175" rtl="0" eaLnBrk="0" fontAlgn="base" hangingPunct="0">
        <a:spcBef>
          <a:spcPct val="20000"/>
        </a:spcBef>
        <a:spcAft>
          <a:spcPct val="20000"/>
        </a:spcAft>
        <a:buChar char="»"/>
        <a:defRPr sz="1500">
          <a:solidFill>
            <a:schemeClr val="tx1"/>
          </a:solidFill>
          <a:latin typeface="+mn-lt"/>
        </a:defRPr>
      </a:lvl5pPr>
      <a:lvl6pPr marL="2500313" indent="-190500" algn="l" defTabSz="765175" rtl="0" fontAlgn="base">
        <a:spcBef>
          <a:spcPct val="20000"/>
        </a:spcBef>
        <a:spcAft>
          <a:spcPct val="20000"/>
        </a:spcAft>
        <a:buChar char="»"/>
        <a:defRPr sz="1500">
          <a:solidFill>
            <a:schemeClr val="tx1"/>
          </a:solidFill>
          <a:latin typeface="+mn-lt"/>
        </a:defRPr>
      </a:lvl6pPr>
      <a:lvl7pPr marL="2957513" indent="-190500" algn="l" defTabSz="765175" rtl="0" fontAlgn="base">
        <a:spcBef>
          <a:spcPct val="20000"/>
        </a:spcBef>
        <a:spcAft>
          <a:spcPct val="20000"/>
        </a:spcAft>
        <a:buChar char="»"/>
        <a:defRPr sz="1500">
          <a:solidFill>
            <a:schemeClr val="tx1"/>
          </a:solidFill>
          <a:latin typeface="+mn-lt"/>
        </a:defRPr>
      </a:lvl7pPr>
      <a:lvl8pPr marL="3414713" indent="-190500" algn="l" defTabSz="765175" rtl="0" fontAlgn="base">
        <a:spcBef>
          <a:spcPct val="20000"/>
        </a:spcBef>
        <a:spcAft>
          <a:spcPct val="20000"/>
        </a:spcAft>
        <a:buChar char="»"/>
        <a:defRPr sz="1500">
          <a:solidFill>
            <a:schemeClr val="tx1"/>
          </a:solidFill>
          <a:latin typeface="+mn-lt"/>
        </a:defRPr>
      </a:lvl8pPr>
      <a:lvl9pPr marL="3871913" indent="-190500" algn="l" defTabSz="765175" rtl="0" fontAlgn="base">
        <a:spcBef>
          <a:spcPct val="20000"/>
        </a:spcBef>
        <a:spcAft>
          <a:spcPct val="20000"/>
        </a:spcAft>
        <a:buChar char="»"/>
        <a:defRPr sz="1500">
          <a:solidFill>
            <a:schemeClr val="tx1"/>
          </a:solidFill>
          <a:latin typeface="+mn-lt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jp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jpe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jpeg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image" Target="../media/image14.jpeg"/><Relationship Id="rId1" Type="http://schemas.openxmlformats.org/officeDocument/2006/relationships/slideLayout" Target="../slideLayouts/slideLayout2.xml"/><Relationship Id="rId4" Type="http://schemas.microsoft.com/office/2007/relationships/hdphoto" Target="../media/hdphoto2.wdp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jpeg"/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jpeg"/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jpeg"/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3" Type="http://schemas.microsoft.com/office/2007/relationships/hdphoto" Target="../media/hdphoto2.wdp"/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jpeg"/><Relationship Id="rId2" Type="http://schemas.openxmlformats.org/officeDocument/2006/relationships/hyperlink" Target="http://www.iconlogic.com/captivate-elearning-calculator-download.html" TargetMode="External"/><Relationship Id="rId1" Type="http://schemas.openxmlformats.org/officeDocument/2006/relationships/slideLayout" Target="../slideLayouts/slideLayout2.xml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9.png"/><Relationship Id="rId4" Type="http://schemas.openxmlformats.org/officeDocument/2006/relationships/image" Target="../media/image8.jpeg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jpeg"/><Relationship Id="rId1" Type="http://schemas.openxmlformats.org/officeDocument/2006/relationships/slideLayout" Target="../slideLayouts/slideLayout1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jpe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jpe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jpe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jpe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jpe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ubtitle 3"/>
          <p:cNvSpPr>
            <a:spLocks noGrp="1"/>
          </p:cNvSpPr>
          <p:nvPr>
            <p:ph type="subTitle" idx="1"/>
          </p:nvPr>
        </p:nvSpPr>
        <p:spPr>
          <a:xfrm>
            <a:off x="32124" y="3023393"/>
            <a:ext cx="6795719" cy="762000"/>
          </a:xfrm>
        </p:spPr>
        <p:txBody>
          <a:bodyPr/>
          <a:lstStyle/>
          <a:p>
            <a:r>
              <a:rPr lang="en-US" sz="7500" b="1" dirty="0" smtClean="0"/>
              <a:t>eLearning</a:t>
            </a:r>
            <a:endParaRPr lang="en-US" sz="7500" b="1" dirty="0"/>
          </a:p>
        </p:txBody>
      </p:sp>
      <p:sp>
        <p:nvSpPr>
          <p:cNvPr id="16" name="Title 15"/>
          <p:cNvSpPr>
            <a:spLocks noGrp="1"/>
          </p:cNvSpPr>
          <p:nvPr>
            <p:ph type="ctrTitle"/>
          </p:nvPr>
        </p:nvSpPr>
        <p:spPr>
          <a:xfrm>
            <a:off x="192094" y="2764631"/>
            <a:ext cx="6635750" cy="639762"/>
          </a:xfrm>
        </p:spPr>
        <p:txBody>
          <a:bodyPr/>
          <a:lstStyle/>
          <a:p>
            <a:r>
              <a:rPr lang="en-US" sz="3000" b="0" dirty="0"/>
              <a:t>Designing Effective</a:t>
            </a:r>
          </a:p>
        </p:txBody>
      </p:sp>
      <p:sp>
        <p:nvSpPr>
          <p:cNvPr id="17" name="Text Placeholder 16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Kevin Siegel</a:t>
            </a:r>
            <a:endParaRPr lang="en-US" dirty="0"/>
          </a:p>
        </p:txBody>
      </p:sp>
      <p:sp>
        <p:nvSpPr>
          <p:cNvPr id="18" name="Text Placeholder 17"/>
          <p:cNvSpPr>
            <a:spLocks noGrp="1"/>
          </p:cNvSpPr>
          <p:nvPr>
            <p:ph type="body" sz="quarter" idx="11"/>
          </p:nvPr>
        </p:nvSpPr>
        <p:spPr>
          <a:xfrm>
            <a:off x="3619500" y="5057888"/>
            <a:ext cx="3005688" cy="297544"/>
          </a:xfrm>
        </p:spPr>
        <p:txBody>
          <a:bodyPr/>
          <a:lstStyle/>
          <a:p>
            <a:r>
              <a:rPr lang="en-US" dirty="0" smtClean="0"/>
              <a:t>ksiegel@iconlogic.com</a:t>
            </a:r>
            <a:endParaRPr lang="en-US" dirty="0"/>
          </a:p>
        </p:txBody>
      </p:sp>
      <p:sp>
        <p:nvSpPr>
          <p:cNvPr id="19" name="Text Placeholder 18"/>
          <p:cNvSpPr>
            <a:spLocks noGrp="1"/>
          </p:cNvSpPr>
          <p:nvPr>
            <p:ph type="body" sz="quarter" idx="12"/>
          </p:nvPr>
        </p:nvSpPr>
        <p:spPr>
          <a:xfrm>
            <a:off x="3771900" y="5543479"/>
            <a:ext cx="2853288" cy="297544"/>
          </a:xfrm>
        </p:spPr>
        <p:txBody>
          <a:bodyPr/>
          <a:lstStyle/>
          <a:p>
            <a:r>
              <a:rPr lang="en-US" dirty="0" smtClean="0"/>
              <a:t>@</a:t>
            </a:r>
            <a:r>
              <a:rPr lang="en-US" dirty="0" err="1" smtClean="0"/>
              <a:t>kevin_sieg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76700427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447786" y="2455366"/>
            <a:ext cx="6648231" cy="923330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  <a:scene3d>
              <a:camera prst="orthographicFront">
                <a:rot lat="0" lon="0" rev="0"/>
              </a:camera>
              <a:lightRig rig="contrasting" dir="t">
                <a:rot lat="0" lon="0" rev="4500000"/>
              </a:lightRig>
            </a:scene3d>
            <a:sp3d contourW="6350" prstMaterial="metal">
              <a:bevelT w="127000" h="31750" prst="relaxedInset"/>
              <a:contourClr>
                <a:schemeClr val="accent1">
                  <a:shade val="75000"/>
                </a:schemeClr>
              </a:contourClr>
            </a:sp3d>
          </a:bodyPr>
          <a:lstStyle/>
          <a:p>
            <a:pPr algn="ctr"/>
            <a:r>
              <a:rPr lang="en-US" sz="5400" b="1" cap="all" spc="0" dirty="0" smtClean="0">
                <a:ln w="0"/>
                <a:gradFill flip="none">
                  <a:gsLst>
                    <a:gs pos="0">
                      <a:schemeClr val="accent1">
                        <a:tint val="75000"/>
                        <a:shade val="75000"/>
                        <a:satMod val="170000"/>
                      </a:schemeClr>
                    </a:gs>
                    <a:gs pos="49000">
                      <a:schemeClr val="accent1">
                        <a:tint val="88000"/>
                        <a:shade val="65000"/>
                        <a:satMod val="172000"/>
                      </a:schemeClr>
                    </a:gs>
                    <a:gs pos="50000">
                      <a:schemeClr val="accent1">
                        <a:shade val="65000"/>
                        <a:satMod val="130000"/>
                      </a:schemeClr>
                    </a:gs>
                    <a:gs pos="92000">
                      <a:schemeClr val="accent1">
                        <a:shade val="50000"/>
                        <a:satMod val="120000"/>
                      </a:schemeClr>
                    </a:gs>
                    <a:gs pos="100000">
                      <a:schemeClr val="accent1">
                        <a:shade val="48000"/>
                        <a:satMod val="120000"/>
                      </a:schemeClr>
                    </a:gs>
                  </a:gsLst>
                  <a:lin ang="5400000"/>
                </a:gradFill>
                <a:effectLst>
                  <a:reflection blurRad="12700" stA="50000" endPos="50000" dist="5000" dir="5400000" sy="-100000" rotWithShape="0"/>
                </a:effectLst>
              </a:rPr>
              <a:t>Edward EVERETT</a:t>
            </a:r>
            <a:endParaRPr lang="en-US" sz="5400" b="1" cap="all" spc="0" dirty="0">
              <a:ln w="0"/>
              <a:gradFill flip="none">
                <a:gsLst>
                  <a:gs pos="0">
                    <a:schemeClr val="accent1">
                      <a:tint val="75000"/>
                      <a:shade val="75000"/>
                      <a:satMod val="170000"/>
                    </a:schemeClr>
                  </a:gs>
                  <a:gs pos="49000">
                    <a:schemeClr val="accent1">
                      <a:tint val="88000"/>
                      <a:shade val="65000"/>
                      <a:satMod val="172000"/>
                    </a:schemeClr>
                  </a:gs>
                  <a:gs pos="50000">
                    <a:schemeClr val="accent1">
                      <a:shade val="65000"/>
                      <a:satMod val="130000"/>
                    </a:schemeClr>
                  </a:gs>
                  <a:gs pos="92000">
                    <a:schemeClr val="accent1">
                      <a:shade val="50000"/>
                      <a:satMod val="120000"/>
                    </a:schemeClr>
                  </a:gs>
                  <a:gs pos="100000">
                    <a:schemeClr val="accent1">
                      <a:shade val="48000"/>
                      <a:satMod val="120000"/>
                    </a:schemeClr>
                  </a:gs>
                </a:gsLst>
                <a:lin ang="5400000"/>
              </a:gradFill>
              <a:effectLst>
                <a:reflection blurRad="12700" stA="50000" endPos="50000" dist="5000" dir="5400000" sy="-100000" rotWithShape="0"/>
              </a:effectLst>
            </a:endParaRPr>
          </a:p>
        </p:txBody>
      </p:sp>
      <p:grpSp>
        <p:nvGrpSpPr>
          <p:cNvPr id="29" name="Group 28"/>
          <p:cNvGrpSpPr/>
          <p:nvPr/>
        </p:nvGrpSpPr>
        <p:grpSpPr>
          <a:xfrm>
            <a:off x="6210300" y="1820069"/>
            <a:ext cx="1182688" cy="1249362"/>
            <a:chOff x="6276975" y="1698625"/>
            <a:chExt cx="1182688" cy="1249362"/>
          </a:xfrm>
        </p:grpSpPr>
        <p:sp>
          <p:nvSpPr>
            <p:cNvPr id="24" name="Freeform 23"/>
            <p:cNvSpPr>
              <a:spLocks/>
            </p:cNvSpPr>
            <p:nvPr/>
          </p:nvSpPr>
          <p:spPr bwMode="auto">
            <a:xfrm>
              <a:off x="6619875" y="1743075"/>
              <a:ext cx="808038" cy="452437"/>
            </a:xfrm>
            <a:custGeom>
              <a:avLst/>
              <a:gdLst>
                <a:gd name="T0" fmla="*/ 440 w 1018"/>
                <a:gd name="T1" fmla="*/ 244 h 569"/>
                <a:gd name="T2" fmla="*/ 529 w 1018"/>
                <a:gd name="T3" fmla="*/ 306 h 569"/>
                <a:gd name="T4" fmla="*/ 569 w 1018"/>
                <a:gd name="T5" fmla="*/ 368 h 569"/>
                <a:gd name="T6" fmla="*/ 540 w 1018"/>
                <a:gd name="T7" fmla="*/ 386 h 569"/>
                <a:gd name="T8" fmla="*/ 498 w 1018"/>
                <a:gd name="T9" fmla="*/ 377 h 569"/>
                <a:gd name="T10" fmla="*/ 424 w 1018"/>
                <a:gd name="T11" fmla="*/ 354 h 569"/>
                <a:gd name="T12" fmla="*/ 335 w 1018"/>
                <a:gd name="T13" fmla="*/ 318 h 569"/>
                <a:gd name="T14" fmla="*/ 220 w 1018"/>
                <a:gd name="T15" fmla="*/ 258 h 569"/>
                <a:gd name="T16" fmla="*/ 113 w 1018"/>
                <a:gd name="T17" fmla="*/ 184 h 569"/>
                <a:gd name="T18" fmla="*/ 23 w 1018"/>
                <a:gd name="T19" fmla="*/ 86 h 569"/>
                <a:gd name="T20" fmla="*/ 83 w 1018"/>
                <a:gd name="T21" fmla="*/ 37 h 569"/>
                <a:gd name="T22" fmla="*/ 164 w 1018"/>
                <a:gd name="T23" fmla="*/ 39 h 569"/>
                <a:gd name="T24" fmla="*/ 222 w 1018"/>
                <a:gd name="T25" fmla="*/ 47 h 569"/>
                <a:gd name="T26" fmla="*/ 280 w 1018"/>
                <a:gd name="T27" fmla="*/ 59 h 569"/>
                <a:gd name="T28" fmla="*/ 362 w 1018"/>
                <a:gd name="T29" fmla="*/ 79 h 569"/>
                <a:gd name="T30" fmla="*/ 479 w 1018"/>
                <a:gd name="T31" fmla="*/ 122 h 569"/>
                <a:gd name="T32" fmla="*/ 594 w 1018"/>
                <a:gd name="T33" fmla="*/ 174 h 569"/>
                <a:gd name="T34" fmla="*/ 699 w 1018"/>
                <a:gd name="T35" fmla="*/ 229 h 569"/>
                <a:gd name="T36" fmla="*/ 780 w 1018"/>
                <a:gd name="T37" fmla="*/ 276 h 569"/>
                <a:gd name="T38" fmla="*/ 858 w 1018"/>
                <a:gd name="T39" fmla="*/ 328 h 569"/>
                <a:gd name="T40" fmla="*/ 932 w 1018"/>
                <a:gd name="T41" fmla="*/ 385 h 569"/>
                <a:gd name="T42" fmla="*/ 971 w 1018"/>
                <a:gd name="T43" fmla="*/ 421 h 569"/>
                <a:gd name="T44" fmla="*/ 994 w 1018"/>
                <a:gd name="T45" fmla="*/ 480 h 569"/>
                <a:gd name="T46" fmla="*/ 925 w 1018"/>
                <a:gd name="T47" fmla="*/ 520 h 569"/>
                <a:gd name="T48" fmla="*/ 728 w 1018"/>
                <a:gd name="T49" fmla="*/ 521 h 569"/>
                <a:gd name="T50" fmla="*/ 517 w 1018"/>
                <a:gd name="T51" fmla="*/ 455 h 569"/>
                <a:gd name="T52" fmla="*/ 323 w 1018"/>
                <a:gd name="T53" fmla="*/ 346 h 569"/>
                <a:gd name="T54" fmla="*/ 233 w 1018"/>
                <a:gd name="T55" fmla="*/ 288 h 569"/>
                <a:gd name="T56" fmla="*/ 343 w 1018"/>
                <a:gd name="T57" fmla="*/ 377 h 569"/>
                <a:gd name="T58" fmla="*/ 497 w 1018"/>
                <a:gd name="T59" fmla="*/ 467 h 569"/>
                <a:gd name="T60" fmla="*/ 660 w 1018"/>
                <a:gd name="T61" fmla="*/ 534 h 569"/>
                <a:gd name="T62" fmla="*/ 774 w 1018"/>
                <a:gd name="T63" fmla="*/ 562 h 569"/>
                <a:gd name="T64" fmla="*/ 864 w 1018"/>
                <a:gd name="T65" fmla="*/ 569 h 569"/>
                <a:gd name="T66" fmla="*/ 951 w 1018"/>
                <a:gd name="T67" fmla="*/ 558 h 569"/>
                <a:gd name="T68" fmla="*/ 1018 w 1018"/>
                <a:gd name="T69" fmla="*/ 505 h 569"/>
                <a:gd name="T70" fmla="*/ 978 w 1018"/>
                <a:gd name="T71" fmla="*/ 400 h 569"/>
                <a:gd name="T72" fmla="*/ 903 w 1018"/>
                <a:gd name="T73" fmla="*/ 331 h 569"/>
                <a:gd name="T74" fmla="*/ 818 w 1018"/>
                <a:gd name="T75" fmla="*/ 270 h 569"/>
                <a:gd name="T76" fmla="*/ 728 w 1018"/>
                <a:gd name="T77" fmla="*/ 215 h 569"/>
                <a:gd name="T78" fmla="*/ 613 w 1018"/>
                <a:gd name="T79" fmla="*/ 152 h 569"/>
                <a:gd name="T80" fmla="*/ 476 w 1018"/>
                <a:gd name="T81" fmla="*/ 90 h 569"/>
                <a:gd name="T82" fmla="*/ 334 w 1018"/>
                <a:gd name="T83" fmla="*/ 41 h 569"/>
                <a:gd name="T84" fmla="*/ 221 w 1018"/>
                <a:gd name="T85" fmla="*/ 15 h 569"/>
                <a:gd name="T86" fmla="*/ 116 w 1018"/>
                <a:gd name="T87" fmla="*/ 1 h 569"/>
                <a:gd name="T88" fmla="*/ 20 w 1018"/>
                <a:gd name="T89" fmla="*/ 15 h 569"/>
                <a:gd name="T90" fmla="*/ 12 w 1018"/>
                <a:gd name="T91" fmla="*/ 89 h 569"/>
                <a:gd name="T92" fmla="*/ 69 w 1018"/>
                <a:gd name="T93" fmla="*/ 167 h 569"/>
                <a:gd name="T94" fmla="*/ 148 w 1018"/>
                <a:gd name="T95" fmla="*/ 230 h 569"/>
                <a:gd name="T96" fmla="*/ 231 w 1018"/>
                <a:gd name="T97" fmla="*/ 281 h 569"/>
                <a:gd name="T98" fmla="*/ 313 w 1018"/>
                <a:gd name="T99" fmla="*/ 326 h 569"/>
                <a:gd name="T100" fmla="*/ 399 w 1018"/>
                <a:gd name="T101" fmla="*/ 363 h 569"/>
                <a:gd name="T102" fmla="*/ 487 w 1018"/>
                <a:gd name="T103" fmla="*/ 393 h 569"/>
                <a:gd name="T104" fmla="*/ 559 w 1018"/>
                <a:gd name="T105" fmla="*/ 402 h 569"/>
                <a:gd name="T106" fmla="*/ 571 w 1018"/>
                <a:gd name="T107" fmla="*/ 350 h 569"/>
                <a:gd name="T108" fmla="*/ 514 w 1018"/>
                <a:gd name="T109" fmla="*/ 283 h 569"/>
                <a:gd name="T110" fmla="*/ 435 w 1018"/>
                <a:gd name="T111" fmla="*/ 235 h 569"/>
                <a:gd name="T112" fmla="*/ 354 w 1018"/>
                <a:gd name="T113" fmla="*/ 200 h 569"/>
                <a:gd name="T114" fmla="*/ 355 w 1018"/>
                <a:gd name="T115" fmla="*/ 204 h 569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  <a:cxn ang="0">
                  <a:pos x="T102" y="T103"/>
                </a:cxn>
                <a:cxn ang="0">
                  <a:pos x="T104" y="T105"/>
                </a:cxn>
                <a:cxn ang="0">
                  <a:pos x="T106" y="T107"/>
                </a:cxn>
                <a:cxn ang="0">
                  <a:pos x="T108" y="T109"/>
                </a:cxn>
                <a:cxn ang="0">
                  <a:pos x="T110" y="T111"/>
                </a:cxn>
                <a:cxn ang="0">
                  <a:pos x="T112" y="T113"/>
                </a:cxn>
                <a:cxn ang="0">
                  <a:pos x="T114" y="T115"/>
                </a:cxn>
              </a:cxnLst>
              <a:rect l="0" t="0" r="r" b="b"/>
              <a:pathLst>
                <a:path w="1018" h="569">
                  <a:moveTo>
                    <a:pt x="355" y="204"/>
                  </a:moveTo>
                  <a:lnTo>
                    <a:pt x="377" y="213"/>
                  </a:lnTo>
                  <a:lnTo>
                    <a:pt x="399" y="223"/>
                  </a:lnTo>
                  <a:lnTo>
                    <a:pt x="419" y="234"/>
                  </a:lnTo>
                  <a:lnTo>
                    <a:pt x="440" y="244"/>
                  </a:lnTo>
                  <a:lnTo>
                    <a:pt x="461" y="257"/>
                  </a:lnTo>
                  <a:lnTo>
                    <a:pt x="480" y="270"/>
                  </a:lnTo>
                  <a:lnTo>
                    <a:pt x="500" y="282"/>
                  </a:lnTo>
                  <a:lnTo>
                    <a:pt x="518" y="297"/>
                  </a:lnTo>
                  <a:lnTo>
                    <a:pt x="529" y="306"/>
                  </a:lnTo>
                  <a:lnTo>
                    <a:pt x="539" y="318"/>
                  </a:lnTo>
                  <a:lnTo>
                    <a:pt x="550" y="331"/>
                  </a:lnTo>
                  <a:lnTo>
                    <a:pt x="559" y="343"/>
                  </a:lnTo>
                  <a:lnTo>
                    <a:pt x="566" y="356"/>
                  </a:lnTo>
                  <a:lnTo>
                    <a:pt x="569" y="368"/>
                  </a:lnTo>
                  <a:lnTo>
                    <a:pt x="569" y="377"/>
                  </a:lnTo>
                  <a:lnTo>
                    <a:pt x="563" y="381"/>
                  </a:lnTo>
                  <a:lnTo>
                    <a:pt x="558" y="385"/>
                  </a:lnTo>
                  <a:lnTo>
                    <a:pt x="550" y="386"/>
                  </a:lnTo>
                  <a:lnTo>
                    <a:pt x="540" y="386"/>
                  </a:lnTo>
                  <a:lnTo>
                    <a:pt x="531" y="385"/>
                  </a:lnTo>
                  <a:lnTo>
                    <a:pt x="522" y="382"/>
                  </a:lnTo>
                  <a:lnTo>
                    <a:pt x="513" y="380"/>
                  </a:lnTo>
                  <a:lnTo>
                    <a:pt x="505" y="378"/>
                  </a:lnTo>
                  <a:lnTo>
                    <a:pt x="498" y="377"/>
                  </a:lnTo>
                  <a:lnTo>
                    <a:pt x="483" y="373"/>
                  </a:lnTo>
                  <a:lnTo>
                    <a:pt x="468" y="369"/>
                  </a:lnTo>
                  <a:lnTo>
                    <a:pt x="453" y="364"/>
                  </a:lnTo>
                  <a:lnTo>
                    <a:pt x="439" y="359"/>
                  </a:lnTo>
                  <a:lnTo>
                    <a:pt x="424" y="354"/>
                  </a:lnTo>
                  <a:lnTo>
                    <a:pt x="410" y="349"/>
                  </a:lnTo>
                  <a:lnTo>
                    <a:pt x="395" y="343"/>
                  </a:lnTo>
                  <a:lnTo>
                    <a:pt x="381" y="338"/>
                  </a:lnTo>
                  <a:lnTo>
                    <a:pt x="358" y="328"/>
                  </a:lnTo>
                  <a:lnTo>
                    <a:pt x="335" y="318"/>
                  </a:lnTo>
                  <a:lnTo>
                    <a:pt x="311" y="306"/>
                  </a:lnTo>
                  <a:lnTo>
                    <a:pt x="288" y="296"/>
                  </a:lnTo>
                  <a:lnTo>
                    <a:pt x="265" y="283"/>
                  </a:lnTo>
                  <a:lnTo>
                    <a:pt x="242" y="272"/>
                  </a:lnTo>
                  <a:lnTo>
                    <a:pt x="220" y="258"/>
                  </a:lnTo>
                  <a:lnTo>
                    <a:pt x="197" y="245"/>
                  </a:lnTo>
                  <a:lnTo>
                    <a:pt x="175" y="230"/>
                  </a:lnTo>
                  <a:lnTo>
                    <a:pt x="154" y="217"/>
                  </a:lnTo>
                  <a:lnTo>
                    <a:pt x="134" y="200"/>
                  </a:lnTo>
                  <a:lnTo>
                    <a:pt x="113" y="184"/>
                  </a:lnTo>
                  <a:lnTo>
                    <a:pt x="93" y="168"/>
                  </a:lnTo>
                  <a:lnTo>
                    <a:pt x="75" y="150"/>
                  </a:lnTo>
                  <a:lnTo>
                    <a:pt x="58" y="132"/>
                  </a:lnTo>
                  <a:lnTo>
                    <a:pt x="40" y="113"/>
                  </a:lnTo>
                  <a:lnTo>
                    <a:pt x="23" y="86"/>
                  </a:lnTo>
                  <a:lnTo>
                    <a:pt x="19" y="67"/>
                  </a:lnTo>
                  <a:lnTo>
                    <a:pt x="24" y="53"/>
                  </a:lnTo>
                  <a:lnTo>
                    <a:pt x="39" y="44"/>
                  </a:lnTo>
                  <a:lnTo>
                    <a:pt x="59" y="39"/>
                  </a:lnTo>
                  <a:lnTo>
                    <a:pt x="83" y="37"/>
                  </a:lnTo>
                  <a:lnTo>
                    <a:pt x="107" y="36"/>
                  </a:lnTo>
                  <a:lnTo>
                    <a:pt x="129" y="37"/>
                  </a:lnTo>
                  <a:lnTo>
                    <a:pt x="141" y="37"/>
                  </a:lnTo>
                  <a:lnTo>
                    <a:pt x="152" y="38"/>
                  </a:lnTo>
                  <a:lnTo>
                    <a:pt x="164" y="39"/>
                  </a:lnTo>
                  <a:lnTo>
                    <a:pt x="175" y="40"/>
                  </a:lnTo>
                  <a:lnTo>
                    <a:pt x="188" y="41"/>
                  </a:lnTo>
                  <a:lnTo>
                    <a:pt x="199" y="44"/>
                  </a:lnTo>
                  <a:lnTo>
                    <a:pt x="211" y="45"/>
                  </a:lnTo>
                  <a:lnTo>
                    <a:pt x="222" y="47"/>
                  </a:lnTo>
                  <a:lnTo>
                    <a:pt x="234" y="49"/>
                  </a:lnTo>
                  <a:lnTo>
                    <a:pt x="245" y="52"/>
                  </a:lnTo>
                  <a:lnTo>
                    <a:pt x="257" y="54"/>
                  </a:lnTo>
                  <a:lnTo>
                    <a:pt x="269" y="56"/>
                  </a:lnTo>
                  <a:lnTo>
                    <a:pt x="280" y="59"/>
                  </a:lnTo>
                  <a:lnTo>
                    <a:pt x="290" y="61"/>
                  </a:lnTo>
                  <a:lnTo>
                    <a:pt x="302" y="64"/>
                  </a:lnTo>
                  <a:lnTo>
                    <a:pt x="313" y="67"/>
                  </a:lnTo>
                  <a:lnTo>
                    <a:pt x="338" y="72"/>
                  </a:lnTo>
                  <a:lnTo>
                    <a:pt x="362" y="79"/>
                  </a:lnTo>
                  <a:lnTo>
                    <a:pt x="386" y="87"/>
                  </a:lnTo>
                  <a:lnTo>
                    <a:pt x="409" y="95"/>
                  </a:lnTo>
                  <a:lnTo>
                    <a:pt x="433" y="104"/>
                  </a:lnTo>
                  <a:lnTo>
                    <a:pt x="456" y="113"/>
                  </a:lnTo>
                  <a:lnTo>
                    <a:pt x="479" y="122"/>
                  </a:lnTo>
                  <a:lnTo>
                    <a:pt x="503" y="131"/>
                  </a:lnTo>
                  <a:lnTo>
                    <a:pt x="526" y="142"/>
                  </a:lnTo>
                  <a:lnTo>
                    <a:pt x="550" y="152"/>
                  </a:lnTo>
                  <a:lnTo>
                    <a:pt x="571" y="162"/>
                  </a:lnTo>
                  <a:lnTo>
                    <a:pt x="594" y="174"/>
                  </a:lnTo>
                  <a:lnTo>
                    <a:pt x="616" y="184"/>
                  </a:lnTo>
                  <a:lnTo>
                    <a:pt x="639" y="196"/>
                  </a:lnTo>
                  <a:lnTo>
                    <a:pt x="661" y="208"/>
                  </a:lnTo>
                  <a:lnTo>
                    <a:pt x="683" y="220"/>
                  </a:lnTo>
                  <a:lnTo>
                    <a:pt x="699" y="229"/>
                  </a:lnTo>
                  <a:lnTo>
                    <a:pt x="715" y="238"/>
                  </a:lnTo>
                  <a:lnTo>
                    <a:pt x="731" y="248"/>
                  </a:lnTo>
                  <a:lnTo>
                    <a:pt x="748" y="257"/>
                  </a:lnTo>
                  <a:lnTo>
                    <a:pt x="764" y="266"/>
                  </a:lnTo>
                  <a:lnTo>
                    <a:pt x="780" y="276"/>
                  </a:lnTo>
                  <a:lnTo>
                    <a:pt x="796" y="286"/>
                  </a:lnTo>
                  <a:lnTo>
                    <a:pt x="811" y="296"/>
                  </a:lnTo>
                  <a:lnTo>
                    <a:pt x="827" y="306"/>
                  </a:lnTo>
                  <a:lnTo>
                    <a:pt x="842" y="317"/>
                  </a:lnTo>
                  <a:lnTo>
                    <a:pt x="858" y="328"/>
                  </a:lnTo>
                  <a:lnTo>
                    <a:pt x="873" y="339"/>
                  </a:lnTo>
                  <a:lnTo>
                    <a:pt x="888" y="350"/>
                  </a:lnTo>
                  <a:lnTo>
                    <a:pt x="903" y="362"/>
                  </a:lnTo>
                  <a:lnTo>
                    <a:pt x="917" y="373"/>
                  </a:lnTo>
                  <a:lnTo>
                    <a:pt x="932" y="385"/>
                  </a:lnTo>
                  <a:lnTo>
                    <a:pt x="940" y="392"/>
                  </a:lnTo>
                  <a:lnTo>
                    <a:pt x="948" y="399"/>
                  </a:lnTo>
                  <a:lnTo>
                    <a:pt x="956" y="406"/>
                  </a:lnTo>
                  <a:lnTo>
                    <a:pt x="964" y="412"/>
                  </a:lnTo>
                  <a:lnTo>
                    <a:pt x="971" y="421"/>
                  </a:lnTo>
                  <a:lnTo>
                    <a:pt x="978" y="429"/>
                  </a:lnTo>
                  <a:lnTo>
                    <a:pt x="984" y="437"/>
                  </a:lnTo>
                  <a:lnTo>
                    <a:pt x="989" y="446"/>
                  </a:lnTo>
                  <a:lnTo>
                    <a:pt x="995" y="464"/>
                  </a:lnTo>
                  <a:lnTo>
                    <a:pt x="994" y="480"/>
                  </a:lnTo>
                  <a:lnTo>
                    <a:pt x="986" y="493"/>
                  </a:lnTo>
                  <a:lnTo>
                    <a:pt x="973" y="502"/>
                  </a:lnTo>
                  <a:lnTo>
                    <a:pt x="958" y="510"/>
                  </a:lnTo>
                  <a:lnTo>
                    <a:pt x="941" y="516"/>
                  </a:lnTo>
                  <a:lnTo>
                    <a:pt x="925" y="520"/>
                  </a:lnTo>
                  <a:lnTo>
                    <a:pt x="910" y="522"/>
                  </a:lnTo>
                  <a:lnTo>
                    <a:pt x="863" y="527"/>
                  </a:lnTo>
                  <a:lnTo>
                    <a:pt x="817" y="529"/>
                  </a:lnTo>
                  <a:lnTo>
                    <a:pt x="772" y="527"/>
                  </a:lnTo>
                  <a:lnTo>
                    <a:pt x="728" y="521"/>
                  </a:lnTo>
                  <a:lnTo>
                    <a:pt x="684" y="513"/>
                  </a:lnTo>
                  <a:lnTo>
                    <a:pt x="642" y="502"/>
                  </a:lnTo>
                  <a:lnTo>
                    <a:pt x="599" y="489"/>
                  </a:lnTo>
                  <a:lnTo>
                    <a:pt x="559" y="474"/>
                  </a:lnTo>
                  <a:lnTo>
                    <a:pt x="517" y="455"/>
                  </a:lnTo>
                  <a:lnTo>
                    <a:pt x="478" y="437"/>
                  </a:lnTo>
                  <a:lnTo>
                    <a:pt x="438" y="415"/>
                  </a:lnTo>
                  <a:lnTo>
                    <a:pt x="400" y="393"/>
                  </a:lnTo>
                  <a:lnTo>
                    <a:pt x="361" y="370"/>
                  </a:lnTo>
                  <a:lnTo>
                    <a:pt x="323" y="346"/>
                  </a:lnTo>
                  <a:lnTo>
                    <a:pt x="286" y="320"/>
                  </a:lnTo>
                  <a:lnTo>
                    <a:pt x="249" y="295"/>
                  </a:lnTo>
                  <a:lnTo>
                    <a:pt x="243" y="291"/>
                  </a:lnTo>
                  <a:lnTo>
                    <a:pt x="237" y="288"/>
                  </a:lnTo>
                  <a:lnTo>
                    <a:pt x="233" y="288"/>
                  </a:lnTo>
                  <a:lnTo>
                    <a:pt x="233" y="289"/>
                  </a:lnTo>
                  <a:lnTo>
                    <a:pt x="259" y="312"/>
                  </a:lnTo>
                  <a:lnTo>
                    <a:pt x="286" y="335"/>
                  </a:lnTo>
                  <a:lnTo>
                    <a:pt x="315" y="356"/>
                  </a:lnTo>
                  <a:lnTo>
                    <a:pt x="343" y="377"/>
                  </a:lnTo>
                  <a:lnTo>
                    <a:pt x="372" y="397"/>
                  </a:lnTo>
                  <a:lnTo>
                    <a:pt x="402" y="416"/>
                  </a:lnTo>
                  <a:lnTo>
                    <a:pt x="433" y="434"/>
                  </a:lnTo>
                  <a:lnTo>
                    <a:pt x="464" y="451"/>
                  </a:lnTo>
                  <a:lnTo>
                    <a:pt x="497" y="467"/>
                  </a:lnTo>
                  <a:lnTo>
                    <a:pt x="529" y="483"/>
                  </a:lnTo>
                  <a:lnTo>
                    <a:pt x="561" y="497"/>
                  </a:lnTo>
                  <a:lnTo>
                    <a:pt x="593" y="509"/>
                  </a:lnTo>
                  <a:lnTo>
                    <a:pt x="627" y="522"/>
                  </a:lnTo>
                  <a:lnTo>
                    <a:pt x="660" y="534"/>
                  </a:lnTo>
                  <a:lnTo>
                    <a:pt x="695" y="544"/>
                  </a:lnTo>
                  <a:lnTo>
                    <a:pt x="728" y="553"/>
                  </a:lnTo>
                  <a:lnTo>
                    <a:pt x="743" y="557"/>
                  </a:lnTo>
                  <a:lnTo>
                    <a:pt x="758" y="560"/>
                  </a:lnTo>
                  <a:lnTo>
                    <a:pt x="774" y="562"/>
                  </a:lnTo>
                  <a:lnTo>
                    <a:pt x="791" y="565"/>
                  </a:lnTo>
                  <a:lnTo>
                    <a:pt x="809" y="567"/>
                  </a:lnTo>
                  <a:lnTo>
                    <a:pt x="827" y="568"/>
                  </a:lnTo>
                  <a:lnTo>
                    <a:pt x="845" y="569"/>
                  </a:lnTo>
                  <a:lnTo>
                    <a:pt x="864" y="569"/>
                  </a:lnTo>
                  <a:lnTo>
                    <a:pt x="882" y="569"/>
                  </a:lnTo>
                  <a:lnTo>
                    <a:pt x="901" y="568"/>
                  </a:lnTo>
                  <a:lnTo>
                    <a:pt x="918" y="566"/>
                  </a:lnTo>
                  <a:lnTo>
                    <a:pt x="935" y="562"/>
                  </a:lnTo>
                  <a:lnTo>
                    <a:pt x="951" y="558"/>
                  </a:lnTo>
                  <a:lnTo>
                    <a:pt x="966" y="553"/>
                  </a:lnTo>
                  <a:lnTo>
                    <a:pt x="981" y="546"/>
                  </a:lnTo>
                  <a:lnTo>
                    <a:pt x="994" y="539"/>
                  </a:lnTo>
                  <a:lnTo>
                    <a:pt x="1010" y="523"/>
                  </a:lnTo>
                  <a:lnTo>
                    <a:pt x="1018" y="505"/>
                  </a:lnTo>
                  <a:lnTo>
                    <a:pt x="1018" y="483"/>
                  </a:lnTo>
                  <a:lnTo>
                    <a:pt x="1014" y="461"/>
                  </a:lnTo>
                  <a:lnTo>
                    <a:pt x="1004" y="439"/>
                  </a:lnTo>
                  <a:lnTo>
                    <a:pt x="992" y="418"/>
                  </a:lnTo>
                  <a:lnTo>
                    <a:pt x="978" y="400"/>
                  </a:lnTo>
                  <a:lnTo>
                    <a:pt x="965" y="386"/>
                  </a:lnTo>
                  <a:lnTo>
                    <a:pt x="950" y="371"/>
                  </a:lnTo>
                  <a:lnTo>
                    <a:pt x="935" y="357"/>
                  </a:lnTo>
                  <a:lnTo>
                    <a:pt x="919" y="343"/>
                  </a:lnTo>
                  <a:lnTo>
                    <a:pt x="903" y="331"/>
                  </a:lnTo>
                  <a:lnTo>
                    <a:pt x="887" y="318"/>
                  </a:lnTo>
                  <a:lnTo>
                    <a:pt x="870" y="305"/>
                  </a:lnTo>
                  <a:lnTo>
                    <a:pt x="852" y="293"/>
                  </a:lnTo>
                  <a:lnTo>
                    <a:pt x="835" y="281"/>
                  </a:lnTo>
                  <a:lnTo>
                    <a:pt x="818" y="270"/>
                  </a:lnTo>
                  <a:lnTo>
                    <a:pt x="799" y="258"/>
                  </a:lnTo>
                  <a:lnTo>
                    <a:pt x="782" y="246"/>
                  </a:lnTo>
                  <a:lnTo>
                    <a:pt x="764" y="236"/>
                  </a:lnTo>
                  <a:lnTo>
                    <a:pt x="746" y="226"/>
                  </a:lnTo>
                  <a:lnTo>
                    <a:pt x="728" y="215"/>
                  </a:lnTo>
                  <a:lnTo>
                    <a:pt x="710" y="205"/>
                  </a:lnTo>
                  <a:lnTo>
                    <a:pt x="692" y="195"/>
                  </a:lnTo>
                  <a:lnTo>
                    <a:pt x="666" y="180"/>
                  </a:lnTo>
                  <a:lnTo>
                    <a:pt x="639" y="166"/>
                  </a:lnTo>
                  <a:lnTo>
                    <a:pt x="613" y="152"/>
                  </a:lnTo>
                  <a:lnTo>
                    <a:pt x="586" y="138"/>
                  </a:lnTo>
                  <a:lnTo>
                    <a:pt x="559" y="125"/>
                  </a:lnTo>
                  <a:lnTo>
                    <a:pt x="531" y="113"/>
                  </a:lnTo>
                  <a:lnTo>
                    <a:pt x="503" y="101"/>
                  </a:lnTo>
                  <a:lnTo>
                    <a:pt x="476" y="90"/>
                  </a:lnTo>
                  <a:lnTo>
                    <a:pt x="448" y="78"/>
                  </a:lnTo>
                  <a:lnTo>
                    <a:pt x="419" y="68"/>
                  </a:lnTo>
                  <a:lnTo>
                    <a:pt x="392" y="59"/>
                  </a:lnTo>
                  <a:lnTo>
                    <a:pt x="363" y="49"/>
                  </a:lnTo>
                  <a:lnTo>
                    <a:pt x="334" y="41"/>
                  </a:lnTo>
                  <a:lnTo>
                    <a:pt x="305" y="33"/>
                  </a:lnTo>
                  <a:lnTo>
                    <a:pt x="275" y="26"/>
                  </a:lnTo>
                  <a:lnTo>
                    <a:pt x="247" y="19"/>
                  </a:lnTo>
                  <a:lnTo>
                    <a:pt x="236" y="17"/>
                  </a:lnTo>
                  <a:lnTo>
                    <a:pt x="221" y="15"/>
                  </a:lnTo>
                  <a:lnTo>
                    <a:pt x="204" y="11"/>
                  </a:lnTo>
                  <a:lnTo>
                    <a:pt x="184" y="8"/>
                  </a:lnTo>
                  <a:lnTo>
                    <a:pt x="163" y="6"/>
                  </a:lnTo>
                  <a:lnTo>
                    <a:pt x="140" y="2"/>
                  </a:lnTo>
                  <a:lnTo>
                    <a:pt x="116" y="1"/>
                  </a:lnTo>
                  <a:lnTo>
                    <a:pt x="95" y="0"/>
                  </a:lnTo>
                  <a:lnTo>
                    <a:pt x="73" y="1"/>
                  </a:lnTo>
                  <a:lnTo>
                    <a:pt x="52" y="3"/>
                  </a:lnTo>
                  <a:lnTo>
                    <a:pt x="35" y="8"/>
                  </a:lnTo>
                  <a:lnTo>
                    <a:pt x="20" y="15"/>
                  </a:lnTo>
                  <a:lnTo>
                    <a:pt x="9" y="24"/>
                  </a:lnTo>
                  <a:lnTo>
                    <a:pt x="2" y="37"/>
                  </a:lnTo>
                  <a:lnTo>
                    <a:pt x="0" y="52"/>
                  </a:lnTo>
                  <a:lnTo>
                    <a:pt x="5" y="70"/>
                  </a:lnTo>
                  <a:lnTo>
                    <a:pt x="12" y="89"/>
                  </a:lnTo>
                  <a:lnTo>
                    <a:pt x="21" y="106"/>
                  </a:lnTo>
                  <a:lnTo>
                    <a:pt x="31" y="122"/>
                  </a:lnTo>
                  <a:lnTo>
                    <a:pt x="43" y="138"/>
                  </a:lnTo>
                  <a:lnTo>
                    <a:pt x="55" y="153"/>
                  </a:lnTo>
                  <a:lnTo>
                    <a:pt x="69" y="167"/>
                  </a:lnTo>
                  <a:lnTo>
                    <a:pt x="84" y="181"/>
                  </a:lnTo>
                  <a:lnTo>
                    <a:pt x="99" y="195"/>
                  </a:lnTo>
                  <a:lnTo>
                    <a:pt x="115" y="207"/>
                  </a:lnTo>
                  <a:lnTo>
                    <a:pt x="131" y="219"/>
                  </a:lnTo>
                  <a:lnTo>
                    <a:pt x="148" y="230"/>
                  </a:lnTo>
                  <a:lnTo>
                    <a:pt x="165" y="242"/>
                  </a:lnTo>
                  <a:lnTo>
                    <a:pt x="182" y="252"/>
                  </a:lnTo>
                  <a:lnTo>
                    <a:pt x="198" y="263"/>
                  </a:lnTo>
                  <a:lnTo>
                    <a:pt x="214" y="272"/>
                  </a:lnTo>
                  <a:lnTo>
                    <a:pt x="231" y="281"/>
                  </a:lnTo>
                  <a:lnTo>
                    <a:pt x="247" y="290"/>
                  </a:lnTo>
                  <a:lnTo>
                    <a:pt x="263" y="299"/>
                  </a:lnTo>
                  <a:lnTo>
                    <a:pt x="280" y="309"/>
                  </a:lnTo>
                  <a:lnTo>
                    <a:pt x="296" y="317"/>
                  </a:lnTo>
                  <a:lnTo>
                    <a:pt x="313" y="326"/>
                  </a:lnTo>
                  <a:lnTo>
                    <a:pt x="330" y="334"/>
                  </a:lnTo>
                  <a:lnTo>
                    <a:pt x="347" y="342"/>
                  </a:lnTo>
                  <a:lnTo>
                    <a:pt x="364" y="349"/>
                  </a:lnTo>
                  <a:lnTo>
                    <a:pt x="381" y="356"/>
                  </a:lnTo>
                  <a:lnTo>
                    <a:pt x="399" y="363"/>
                  </a:lnTo>
                  <a:lnTo>
                    <a:pt x="416" y="370"/>
                  </a:lnTo>
                  <a:lnTo>
                    <a:pt x="433" y="377"/>
                  </a:lnTo>
                  <a:lnTo>
                    <a:pt x="452" y="382"/>
                  </a:lnTo>
                  <a:lnTo>
                    <a:pt x="469" y="387"/>
                  </a:lnTo>
                  <a:lnTo>
                    <a:pt x="487" y="393"/>
                  </a:lnTo>
                  <a:lnTo>
                    <a:pt x="506" y="397"/>
                  </a:lnTo>
                  <a:lnTo>
                    <a:pt x="517" y="400"/>
                  </a:lnTo>
                  <a:lnTo>
                    <a:pt x="531" y="402"/>
                  </a:lnTo>
                  <a:lnTo>
                    <a:pt x="545" y="402"/>
                  </a:lnTo>
                  <a:lnTo>
                    <a:pt x="559" y="402"/>
                  </a:lnTo>
                  <a:lnTo>
                    <a:pt x="571" y="399"/>
                  </a:lnTo>
                  <a:lnTo>
                    <a:pt x="579" y="392"/>
                  </a:lnTo>
                  <a:lnTo>
                    <a:pt x="583" y="381"/>
                  </a:lnTo>
                  <a:lnTo>
                    <a:pt x="579" y="366"/>
                  </a:lnTo>
                  <a:lnTo>
                    <a:pt x="571" y="350"/>
                  </a:lnTo>
                  <a:lnTo>
                    <a:pt x="563" y="335"/>
                  </a:lnTo>
                  <a:lnTo>
                    <a:pt x="552" y="321"/>
                  </a:lnTo>
                  <a:lnTo>
                    <a:pt x="540" y="308"/>
                  </a:lnTo>
                  <a:lnTo>
                    <a:pt x="528" y="296"/>
                  </a:lnTo>
                  <a:lnTo>
                    <a:pt x="514" y="283"/>
                  </a:lnTo>
                  <a:lnTo>
                    <a:pt x="499" y="273"/>
                  </a:lnTo>
                  <a:lnTo>
                    <a:pt x="484" y="263"/>
                  </a:lnTo>
                  <a:lnTo>
                    <a:pt x="468" y="253"/>
                  </a:lnTo>
                  <a:lnTo>
                    <a:pt x="452" y="244"/>
                  </a:lnTo>
                  <a:lnTo>
                    <a:pt x="435" y="235"/>
                  </a:lnTo>
                  <a:lnTo>
                    <a:pt x="418" y="228"/>
                  </a:lnTo>
                  <a:lnTo>
                    <a:pt x="402" y="220"/>
                  </a:lnTo>
                  <a:lnTo>
                    <a:pt x="386" y="213"/>
                  </a:lnTo>
                  <a:lnTo>
                    <a:pt x="370" y="206"/>
                  </a:lnTo>
                  <a:lnTo>
                    <a:pt x="354" y="200"/>
                  </a:lnTo>
                  <a:lnTo>
                    <a:pt x="354" y="202"/>
                  </a:lnTo>
                  <a:lnTo>
                    <a:pt x="354" y="202"/>
                  </a:lnTo>
                  <a:lnTo>
                    <a:pt x="354" y="203"/>
                  </a:lnTo>
                  <a:lnTo>
                    <a:pt x="355" y="204"/>
                  </a:lnTo>
                  <a:lnTo>
                    <a:pt x="355" y="204"/>
                  </a:ln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grpSp>
          <p:nvGrpSpPr>
            <p:cNvPr id="28" name="Group 27"/>
            <p:cNvGrpSpPr/>
            <p:nvPr/>
          </p:nvGrpSpPr>
          <p:grpSpPr>
            <a:xfrm>
              <a:off x="6481763" y="1698625"/>
              <a:ext cx="563563" cy="1071562"/>
              <a:chOff x="6481763" y="1698625"/>
              <a:chExt cx="563563" cy="1071562"/>
            </a:xfrm>
          </p:grpSpPr>
          <p:sp>
            <p:nvSpPr>
              <p:cNvPr id="8" name="Freeform 7"/>
              <p:cNvSpPr>
                <a:spLocks/>
              </p:cNvSpPr>
              <p:nvPr/>
            </p:nvSpPr>
            <p:spPr bwMode="auto">
              <a:xfrm>
                <a:off x="6567488" y="2341563"/>
                <a:ext cx="477838" cy="276225"/>
              </a:xfrm>
              <a:custGeom>
                <a:avLst/>
                <a:gdLst>
                  <a:gd name="T0" fmla="*/ 31 w 601"/>
                  <a:gd name="T1" fmla="*/ 0 h 347"/>
                  <a:gd name="T2" fmla="*/ 1 w 601"/>
                  <a:gd name="T3" fmla="*/ 19 h 347"/>
                  <a:gd name="T4" fmla="*/ 5 w 601"/>
                  <a:gd name="T5" fmla="*/ 64 h 347"/>
                  <a:gd name="T6" fmla="*/ 27 w 601"/>
                  <a:gd name="T7" fmla="*/ 115 h 347"/>
                  <a:gd name="T8" fmla="*/ 55 w 601"/>
                  <a:gd name="T9" fmla="*/ 160 h 347"/>
                  <a:gd name="T10" fmla="*/ 89 w 601"/>
                  <a:gd name="T11" fmla="*/ 200 h 347"/>
                  <a:gd name="T12" fmla="*/ 129 w 601"/>
                  <a:gd name="T13" fmla="*/ 235 h 347"/>
                  <a:gd name="T14" fmla="*/ 171 w 601"/>
                  <a:gd name="T15" fmla="*/ 267 h 347"/>
                  <a:gd name="T16" fmla="*/ 206 w 601"/>
                  <a:gd name="T17" fmla="*/ 291 h 347"/>
                  <a:gd name="T18" fmla="*/ 233 w 601"/>
                  <a:gd name="T19" fmla="*/ 306 h 347"/>
                  <a:gd name="T20" fmla="*/ 262 w 601"/>
                  <a:gd name="T21" fmla="*/ 318 h 347"/>
                  <a:gd name="T22" fmla="*/ 291 w 601"/>
                  <a:gd name="T23" fmla="*/ 328 h 347"/>
                  <a:gd name="T24" fmla="*/ 322 w 601"/>
                  <a:gd name="T25" fmla="*/ 335 h 347"/>
                  <a:gd name="T26" fmla="*/ 353 w 601"/>
                  <a:gd name="T27" fmla="*/ 341 h 347"/>
                  <a:gd name="T28" fmla="*/ 384 w 601"/>
                  <a:gd name="T29" fmla="*/ 344 h 347"/>
                  <a:gd name="T30" fmla="*/ 415 w 601"/>
                  <a:gd name="T31" fmla="*/ 347 h 347"/>
                  <a:gd name="T32" fmla="*/ 442 w 601"/>
                  <a:gd name="T33" fmla="*/ 347 h 347"/>
                  <a:gd name="T34" fmla="*/ 468 w 601"/>
                  <a:gd name="T35" fmla="*/ 345 h 347"/>
                  <a:gd name="T36" fmla="*/ 498 w 601"/>
                  <a:gd name="T37" fmla="*/ 341 h 347"/>
                  <a:gd name="T38" fmla="*/ 529 w 601"/>
                  <a:gd name="T39" fmla="*/ 335 h 347"/>
                  <a:gd name="T40" fmla="*/ 558 w 601"/>
                  <a:gd name="T41" fmla="*/ 325 h 347"/>
                  <a:gd name="T42" fmla="*/ 581 w 601"/>
                  <a:gd name="T43" fmla="*/ 310 h 347"/>
                  <a:gd name="T44" fmla="*/ 597 w 601"/>
                  <a:gd name="T45" fmla="*/ 290 h 347"/>
                  <a:gd name="T46" fmla="*/ 601 w 601"/>
                  <a:gd name="T47" fmla="*/ 265 h 347"/>
                  <a:gd name="T48" fmla="*/ 595 w 601"/>
                  <a:gd name="T49" fmla="*/ 248 h 347"/>
                  <a:gd name="T50" fmla="*/ 588 w 601"/>
                  <a:gd name="T51" fmla="*/ 243 h 347"/>
                  <a:gd name="T52" fmla="*/ 587 w 601"/>
                  <a:gd name="T53" fmla="*/ 264 h 347"/>
                  <a:gd name="T54" fmla="*/ 570 w 601"/>
                  <a:gd name="T55" fmla="*/ 296 h 347"/>
                  <a:gd name="T56" fmla="*/ 536 w 601"/>
                  <a:gd name="T57" fmla="*/ 317 h 347"/>
                  <a:gd name="T58" fmla="*/ 490 w 601"/>
                  <a:gd name="T59" fmla="*/ 327 h 347"/>
                  <a:gd name="T60" fmla="*/ 438 w 601"/>
                  <a:gd name="T61" fmla="*/ 329 h 347"/>
                  <a:gd name="T62" fmla="*/ 385 w 601"/>
                  <a:gd name="T63" fmla="*/ 327 h 347"/>
                  <a:gd name="T64" fmla="*/ 337 w 601"/>
                  <a:gd name="T65" fmla="*/ 320 h 347"/>
                  <a:gd name="T66" fmla="*/ 297 w 601"/>
                  <a:gd name="T67" fmla="*/ 312 h 347"/>
                  <a:gd name="T68" fmla="*/ 262 w 601"/>
                  <a:gd name="T69" fmla="*/ 303 h 347"/>
                  <a:gd name="T70" fmla="*/ 222 w 601"/>
                  <a:gd name="T71" fmla="*/ 286 h 347"/>
                  <a:gd name="T72" fmla="*/ 183 w 601"/>
                  <a:gd name="T73" fmla="*/ 265 h 347"/>
                  <a:gd name="T74" fmla="*/ 145 w 601"/>
                  <a:gd name="T75" fmla="*/ 239 h 347"/>
                  <a:gd name="T76" fmla="*/ 110 w 601"/>
                  <a:gd name="T77" fmla="*/ 209 h 347"/>
                  <a:gd name="T78" fmla="*/ 78 w 601"/>
                  <a:gd name="T79" fmla="*/ 177 h 347"/>
                  <a:gd name="T80" fmla="*/ 50 w 601"/>
                  <a:gd name="T81" fmla="*/ 143 h 347"/>
                  <a:gd name="T82" fmla="*/ 28 w 601"/>
                  <a:gd name="T83" fmla="*/ 106 h 347"/>
                  <a:gd name="T84" fmla="*/ 11 w 601"/>
                  <a:gd name="T85" fmla="*/ 65 h 347"/>
                  <a:gd name="T86" fmla="*/ 5 w 601"/>
                  <a:gd name="T87" fmla="*/ 31 h 347"/>
                  <a:gd name="T88" fmla="*/ 16 w 601"/>
                  <a:gd name="T89" fmla="*/ 9 h 347"/>
                  <a:gd name="T90" fmla="*/ 43 w 601"/>
                  <a:gd name="T91" fmla="*/ 2 h 347"/>
                  <a:gd name="T92" fmla="*/ 64 w 601"/>
                  <a:gd name="T93" fmla="*/ 5 h 347"/>
                  <a:gd name="T94" fmla="*/ 63 w 601"/>
                  <a:gd name="T95" fmla="*/ 4 h 347"/>
                  <a:gd name="T96" fmla="*/ 63 w 601"/>
                  <a:gd name="T97" fmla="*/ 4 h 347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  <a:cxn ang="0">
                    <a:pos x="T44" y="T45"/>
                  </a:cxn>
                  <a:cxn ang="0">
                    <a:pos x="T46" y="T47"/>
                  </a:cxn>
                  <a:cxn ang="0">
                    <a:pos x="T48" y="T49"/>
                  </a:cxn>
                  <a:cxn ang="0">
                    <a:pos x="T50" y="T51"/>
                  </a:cxn>
                  <a:cxn ang="0">
                    <a:pos x="T52" y="T53"/>
                  </a:cxn>
                  <a:cxn ang="0">
                    <a:pos x="T54" y="T55"/>
                  </a:cxn>
                  <a:cxn ang="0">
                    <a:pos x="T56" y="T57"/>
                  </a:cxn>
                  <a:cxn ang="0">
                    <a:pos x="T58" y="T59"/>
                  </a:cxn>
                  <a:cxn ang="0">
                    <a:pos x="T60" y="T61"/>
                  </a:cxn>
                  <a:cxn ang="0">
                    <a:pos x="T62" y="T63"/>
                  </a:cxn>
                  <a:cxn ang="0">
                    <a:pos x="T64" y="T65"/>
                  </a:cxn>
                  <a:cxn ang="0">
                    <a:pos x="T66" y="T67"/>
                  </a:cxn>
                  <a:cxn ang="0">
                    <a:pos x="T68" y="T69"/>
                  </a:cxn>
                  <a:cxn ang="0">
                    <a:pos x="T70" y="T71"/>
                  </a:cxn>
                  <a:cxn ang="0">
                    <a:pos x="T72" y="T73"/>
                  </a:cxn>
                  <a:cxn ang="0">
                    <a:pos x="T74" y="T75"/>
                  </a:cxn>
                  <a:cxn ang="0">
                    <a:pos x="T76" y="T77"/>
                  </a:cxn>
                  <a:cxn ang="0">
                    <a:pos x="T78" y="T79"/>
                  </a:cxn>
                  <a:cxn ang="0">
                    <a:pos x="T80" y="T81"/>
                  </a:cxn>
                  <a:cxn ang="0">
                    <a:pos x="T82" y="T83"/>
                  </a:cxn>
                  <a:cxn ang="0">
                    <a:pos x="T84" y="T85"/>
                  </a:cxn>
                  <a:cxn ang="0">
                    <a:pos x="T86" y="T87"/>
                  </a:cxn>
                  <a:cxn ang="0">
                    <a:pos x="T88" y="T89"/>
                  </a:cxn>
                  <a:cxn ang="0">
                    <a:pos x="T90" y="T91"/>
                  </a:cxn>
                  <a:cxn ang="0">
                    <a:pos x="T92" y="T93"/>
                  </a:cxn>
                  <a:cxn ang="0">
                    <a:pos x="T94" y="T95"/>
                  </a:cxn>
                  <a:cxn ang="0">
                    <a:pos x="T96" y="T97"/>
                  </a:cxn>
                </a:cxnLst>
                <a:rect l="0" t="0" r="r" b="b"/>
                <a:pathLst>
                  <a:path w="601" h="347">
                    <a:moveTo>
                      <a:pt x="63" y="4"/>
                    </a:moveTo>
                    <a:lnTo>
                      <a:pt x="31" y="0"/>
                    </a:lnTo>
                    <a:lnTo>
                      <a:pt x="10" y="5"/>
                    </a:lnTo>
                    <a:lnTo>
                      <a:pt x="1" y="19"/>
                    </a:lnTo>
                    <a:lnTo>
                      <a:pt x="0" y="40"/>
                    </a:lnTo>
                    <a:lnTo>
                      <a:pt x="5" y="64"/>
                    </a:lnTo>
                    <a:lnTo>
                      <a:pt x="15" y="91"/>
                    </a:lnTo>
                    <a:lnTo>
                      <a:pt x="27" y="115"/>
                    </a:lnTo>
                    <a:lnTo>
                      <a:pt x="40" y="138"/>
                    </a:lnTo>
                    <a:lnTo>
                      <a:pt x="55" y="160"/>
                    </a:lnTo>
                    <a:lnTo>
                      <a:pt x="71" y="181"/>
                    </a:lnTo>
                    <a:lnTo>
                      <a:pt x="89" y="200"/>
                    </a:lnTo>
                    <a:lnTo>
                      <a:pt x="109" y="219"/>
                    </a:lnTo>
                    <a:lnTo>
                      <a:pt x="129" y="235"/>
                    </a:lnTo>
                    <a:lnTo>
                      <a:pt x="150" y="252"/>
                    </a:lnTo>
                    <a:lnTo>
                      <a:pt x="171" y="267"/>
                    </a:lnTo>
                    <a:lnTo>
                      <a:pt x="193" y="282"/>
                    </a:lnTo>
                    <a:lnTo>
                      <a:pt x="206" y="291"/>
                    </a:lnTo>
                    <a:lnTo>
                      <a:pt x="219" y="298"/>
                    </a:lnTo>
                    <a:lnTo>
                      <a:pt x="233" y="306"/>
                    </a:lnTo>
                    <a:lnTo>
                      <a:pt x="247" y="312"/>
                    </a:lnTo>
                    <a:lnTo>
                      <a:pt x="262" y="318"/>
                    </a:lnTo>
                    <a:lnTo>
                      <a:pt x="276" y="324"/>
                    </a:lnTo>
                    <a:lnTo>
                      <a:pt x="291" y="328"/>
                    </a:lnTo>
                    <a:lnTo>
                      <a:pt x="307" y="332"/>
                    </a:lnTo>
                    <a:lnTo>
                      <a:pt x="322" y="335"/>
                    </a:lnTo>
                    <a:lnTo>
                      <a:pt x="337" y="339"/>
                    </a:lnTo>
                    <a:lnTo>
                      <a:pt x="353" y="341"/>
                    </a:lnTo>
                    <a:lnTo>
                      <a:pt x="368" y="343"/>
                    </a:lnTo>
                    <a:lnTo>
                      <a:pt x="384" y="344"/>
                    </a:lnTo>
                    <a:lnTo>
                      <a:pt x="399" y="345"/>
                    </a:lnTo>
                    <a:lnTo>
                      <a:pt x="415" y="347"/>
                    </a:lnTo>
                    <a:lnTo>
                      <a:pt x="430" y="347"/>
                    </a:lnTo>
                    <a:lnTo>
                      <a:pt x="442" y="347"/>
                    </a:lnTo>
                    <a:lnTo>
                      <a:pt x="454" y="345"/>
                    </a:lnTo>
                    <a:lnTo>
                      <a:pt x="468" y="345"/>
                    </a:lnTo>
                    <a:lnTo>
                      <a:pt x="483" y="343"/>
                    </a:lnTo>
                    <a:lnTo>
                      <a:pt x="498" y="341"/>
                    </a:lnTo>
                    <a:lnTo>
                      <a:pt x="514" y="339"/>
                    </a:lnTo>
                    <a:lnTo>
                      <a:pt x="529" y="335"/>
                    </a:lnTo>
                    <a:lnTo>
                      <a:pt x="544" y="331"/>
                    </a:lnTo>
                    <a:lnTo>
                      <a:pt x="558" y="325"/>
                    </a:lnTo>
                    <a:lnTo>
                      <a:pt x="571" y="318"/>
                    </a:lnTo>
                    <a:lnTo>
                      <a:pt x="581" y="310"/>
                    </a:lnTo>
                    <a:lnTo>
                      <a:pt x="590" y="301"/>
                    </a:lnTo>
                    <a:lnTo>
                      <a:pt x="597" y="290"/>
                    </a:lnTo>
                    <a:lnTo>
                      <a:pt x="601" y="279"/>
                    </a:lnTo>
                    <a:lnTo>
                      <a:pt x="601" y="265"/>
                    </a:lnTo>
                    <a:lnTo>
                      <a:pt x="597" y="250"/>
                    </a:lnTo>
                    <a:lnTo>
                      <a:pt x="595" y="248"/>
                    </a:lnTo>
                    <a:lnTo>
                      <a:pt x="591" y="244"/>
                    </a:lnTo>
                    <a:lnTo>
                      <a:pt x="588" y="243"/>
                    </a:lnTo>
                    <a:lnTo>
                      <a:pt x="587" y="242"/>
                    </a:lnTo>
                    <a:lnTo>
                      <a:pt x="587" y="264"/>
                    </a:lnTo>
                    <a:lnTo>
                      <a:pt x="580" y="281"/>
                    </a:lnTo>
                    <a:lnTo>
                      <a:pt x="570" y="296"/>
                    </a:lnTo>
                    <a:lnTo>
                      <a:pt x="555" y="307"/>
                    </a:lnTo>
                    <a:lnTo>
                      <a:pt x="536" y="317"/>
                    </a:lnTo>
                    <a:lnTo>
                      <a:pt x="514" y="322"/>
                    </a:lnTo>
                    <a:lnTo>
                      <a:pt x="490" y="327"/>
                    </a:lnTo>
                    <a:lnTo>
                      <a:pt x="465" y="329"/>
                    </a:lnTo>
                    <a:lnTo>
                      <a:pt x="438" y="329"/>
                    </a:lnTo>
                    <a:lnTo>
                      <a:pt x="412" y="328"/>
                    </a:lnTo>
                    <a:lnTo>
                      <a:pt x="385" y="327"/>
                    </a:lnTo>
                    <a:lnTo>
                      <a:pt x="360" y="324"/>
                    </a:lnTo>
                    <a:lnTo>
                      <a:pt x="337" y="320"/>
                    </a:lnTo>
                    <a:lnTo>
                      <a:pt x="315" y="317"/>
                    </a:lnTo>
                    <a:lnTo>
                      <a:pt x="297" y="312"/>
                    </a:lnTo>
                    <a:lnTo>
                      <a:pt x="283" y="309"/>
                    </a:lnTo>
                    <a:lnTo>
                      <a:pt x="262" y="303"/>
                    </a:lnTo>
                    <a:lnTo>
                      <a:pt x="241" y="295"/>
                    </a:lnTo>
                    <a:lnTo>
                      <a:pt x="222" y="286"/>
                    </a:lnTo>
                    <a:lnTo>
                      <a:pt x="202" y="275"/>
                    </a:lnTo>
                    <a:lnTo>
                      <a:pt x="183" y="265"/>
                    </a:lnTo>
                    <a:lnTo>
                      <a:pt x="163" y="252"/>
                    </a:lnTo>
                    <a:lnTo>
                      <a:pt x="145" y="239"/>
                    </a:lnTo>
                    <a:lnTo>
                      <a:pt x="127" y="224"/>
                    </a:lnTo>
                    <a:lnTo>
                      <a:pt x="110" y="209"/>
                    </a:lnTo>
                    <a:lnTo>
                      <a:pt x="94" y="194"/>
                    </a:lnTo>
                    <a:lnTo>
                      <a:pt x="78" y="177"/>
                    </a:lnTo>
                    <a:lnTo>
                      <a:pt x="64" y="160"/>
                    </a:lnTo>
                    <a:lnTo>
                      <a:pt x="50" y="143"/>
                    </a:lnTo>
                    <a:lnTo>
                      <a:pt x="39" y="124"/>
                    </a:lnTo>
                    <a:lnTo>
                      <a:pt x="28" y="106"/>
                    </a:lnTo>
                    <a:lnTo>
                      <a:pt x="19" y="87"/>
                    </a:lnTo>
                    <a:lnTo>
                      <a:pt x="11" y="65"/>
                    </a:lnTo>
                    <a:lnTo>
                      <a:pt x="6" y="47"/>
                    </a:lnTo>
                    <a:lnTo>
                      <a:pt x="5" y="31"/>
                    </a:lnTo>
                    <a:lnTo>
                      <a:pt x="8" y="18"/>
                    </a:lnTo>
                    <a:lnTo>
                      <a:pt x="16" y="9"/>
                    </a:lnTo>
                    <a:lnTo>
                      <a:pt x="27" y="4"/>
                    </a:lnTo>
                    <a:lnTo>
                      <a:pt x="43" y="2"/>
                    </a:lnTo>
                    <a:lnTo>
                      <a:pt x="65" y="5"/>
                    </a:lnTo>
                    <a:lnTo>
                      <a:pt x="64" y="5"/>
                    </a:lnTo>
                    <a:lnTo>
                      <a:pt x="64" y="4"/>
                    </a:lnTo>
                    <a:lnTo>
                      <a:pt x="63" y="4"/>
                    </a:lnTo>
                    <a:lnTo>
                      <a:pt x="63" y="4"/>
                    </a:lnTo>
                    <a:lnTo>
                      <a:pt x="63" y="4"/>
                    </a:lnTo>
                    <a:close/>
                  </a:path>
                </a:pathLst>
              </a:custGeom>
              <a:solidFill>
                <a:srgbClr val="5199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US"/>
              </a:p>
            </p:txBody>
          </p:sp>
          <p:sp>
            <p:nvSpPr>
              <p:cNvPr id="9" name="Freeform 8"/>
              <p:cNvSpPr>
                <a:spLocks/>
              </p:cNvSpPr>
              <p:nvPr/>
            </p:nvSpPr>
            <p:spPr bwMode="auto">
              <a:xfrm>
                <a:off x="6497638" y="2495550"/>
                <a:ext cx="457200" cy="274637"/>
              </a:xfrm>
              <a:custGeom>
                <a:avLst/>
                <a:gdLst>
                  <a:gd name="T0" fmla="*/ 143 w 576"/>
                  <a:gd name="T1" fmla="*/ 30 h 346"/>
                  <a:gd name="T2" fmla="*/ 116 w 576"/>
                  <a:gd name="T3" fmla="*/ 14 h 346"/>
                  <a:gd name="T4" fmla="*/ 89 w 576"/>
                  <a:gd name="T5" fmla="*/ 3 h 346"/>
                  <a:gd name="T6" fmla="*/ 59 w 576"/>
                  <a:gd name="T7" fmla="*/ 0 h 346"/>
                  <a:gd name="T8" fmla="*/ 29 w 576"/>
                  <a:gd name="T9" fmla="*/ 11 h 346"/>
                  <a:gd name="T10" fmla="*/ 9 w 576"/>
                  <a:gd name="T11" fmla="*/ 33 h 346"/>
                  <a:gd name="T12" fmla="*/ 1 w 576"/>
                  <a:gd name="T13" fmla="*/ 60 h 346"/>
                  <a:gd name="T14" fmla="*/ 1 w 576"/>
                  <a:gd name="T15" fmla="*/ 89 h 346"/>
                  <a:gd name="T16" fmla="*/ 10 w 576"/>
                  <a:gd name="T17" fmla="*/ 118 h 346"/>
                  <a:gd name="T18" fmla="*/ 27 w 576"/>
                  <a:gd name="T19" fmla="*/ 146 h 346"/>
                  <a:gd name="T20" fmla="*/ 48 w 576"/>
                  <a:gd name="T21" fmla="*/ 171 h 346"/>
                  <a:gd name="T22" fmla="*/ 71 w 576"/>
                  <a:gd name="T23" fmla="*/ 194 h 346"/>
                  <a:gd name="T24" fmla="*/ 105 w 576"/>
                  <a:gd name="T25" fmla="*/ 224 h 346"/>
                  <a:gd name="T26" fmla="*/ 158 w 576"/>
                  <a:gd name="T27" fmla="*/ 261 h 346"/>
                  <a:gd name="T28" fmla="*/ 218 w 576"/>
                  <a:gd name="T29" fmla="*/ 293 h 346"/>
                  <a:gd name="T30" fmla="*/ 281 w 576"/>
                  <a:gd name="T31" fmla="*/ 318 h 346"/>
                  <a:gd name="T32" fmla="*/ 348 w 576"/>
                  <a:gd name="T33" fmla="*/ 336 h 346"/>
                  <a:gd name="T34" fmla="*/ 416 w 576"/>
                  <a:gd name="T35" fmla="*/ 345 h 346"/>
                  <a:gd name="T36" fmla="*/ 482 w 576"/>
                  <a:gd name="T37" fmla="*/ 344 h 346"/>
                  <a:gd name="T38" fmla="*/ 546 w 576"/>
                  <a:gd name="T39" fmla="*/ 332 h 346"/>
                  <a:gd name="T40" fmla="*/ 575 w 576"/>
                  <a:gd name="T41" fmla="*/ 318 h 346"/>
                  <a:gd name="T42" fmla="*/ 568 w 576"/>
                  <a:gd name="T43" fmla="*/ 307 h 346"/>
                  <a:gd name="T44" fmla="*/ 539 w 576"/>
                  <a:gd name="T45" fmla="*/ 309 h 346"/>
                  <a:gd name="T46" fmla="*/ 490 w 576"/>
                  <a:gd name="T47" fmla="*/ 315 h 346"/>
                  <a:gd name="T48" fmla="*/ 444 w 576"/>
                  <a:gd name="T49" fmla="*/ 318 h 346"/>
                  <a:gd name="T50" fmla="*/ 398 w 576"/>
                  <a:gd name="T51" fmla="*/ 318 h 346"/>
                  <a:gd name="T52" fmla="*/ 353 w 576"/>
                  <a:gd name="T53" fmla="*/ 314 h 346"/>
                  <a:gd name="T54" fmla="*/ 310 w 576"/>
                  <a:gd name="T55" fmla="*/ 306 h 346"/>
                  <a:gd name="T56" fmla="*/ 265 w 576"/>
                  <a:gd name="T57" fmla="*/ 293 h 346"/>
                  <a:gd name="T58" fmla="*/ 220 w 576"/>
                  <a:gd name="T59" fmla="*/ 277 h 346"/>
                  <a:gd name="T60" fmla="*/ 182 w 576"/>
                  <a:gd name="T61" fmla="*/ 260 h 346"/>
                  <a:gd name="T62" fmla="*/ 148 w 576"/>
                  <a:gd name="T63" fmla="*/ 241 h 346"/>
                  <a:gd name="T64" fmla="*/ 114 w 576"/>
                  <a:gd name="T65" fmla="*/ 218 h 346"/>
                  <a:gd name="T66" fmla="*/ 79 w 576"/>
                  <a:gd name="T67" fmla="*/ 192 h 346"/>
                  <a:gd name="T68" fmla="*/ 48 w 576"/>
                  <a:gd name="T69" fmla="*/ 162 h 346"/>
                  <a:gd name="T70" fmla="*/ 25 w 576"/>
                  <a:gd name="T71" fmla="*/ 129 h 346"/>
                  <a:gd name="T72" fmla="*/ 13 w 576"/>
                  <a:gd name="T73" fmla="*/ 96 h 346"/>
                  <a:gd name="T74" fmla="*/ 13 w 576"/>
                  <a:gd name="T75" fmla="*/ 60 h 346"/>
                  <a:gd name="T76" fmla="*/ 32 w 576"/>
                  <a:gd name="T77" fmla="*/ 22 h 346"/>
                  <a:gd name="T78" fmla="*/ 65 w 576"/>
                  <a:gd name="T79" fmla="*/ 6 h 346"/>
                  <a:gd name="T80" fmla="*/ 104 w 576"/>
                  <a:gd name="T81" fmla="*/ 13 h 346"/>
                  <a:gd name="T82" fmla="*/ 142 w 576"/>
                  <a:gd name="T83" fmla="*/ 31 h 346"/>
                  <a:gd name="T84" fmla="*/ 158 w 576"/>
                  <a:gd name="T85" fmla="*/ 41 h 346"/>
                  <a:gd name="T86" fmla="*/ 158 w 576"/>
                  <a:gd name="T87" fmla="*/ 38 h 346"/>
                  <a:gd name="T88" fmla="*/ 156 w 576"/>
                  <a:gd name="T89" fmla="*/ 38 h 346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  <a:cxn ang="0">
                    <a:pos x="T44" y="T45"/>
                  </a:cxn>
                  <a:cxn ang="0">
                    <a:pos x="T46" y="T47"/>
                  </a:cxn>
                  <a:cxn ang="0">
                    <a:pos x="T48" y="T49"/>
                  </a:cxn>
                  <a:cxn ang="0">
                    <a:pos x="T50" y="T51"/>
                  </a:cxn>
                  <a:cxn ang="0">
                    <a:pos x="T52" y="T53"/>
                  </a:cxn>
                  <a:cxn ang="0">
                    <a:pos x="T54" y="T55"/>
                  </a:cxn>
                  <a:cxn ang="0">
                    <a:pos x="T56" y="T57"/>
                  </a:cxn>
                  <a:cxn ang="0">
                    <a:pos x="T58" y="T59"/>
                  </a:cxn>
                  <a:cxn ang="0">
                    <a:pos x="T60" y="T61"/>
                  </a:cxn>
                  <a:cxn ang="0">
                    <a:pos x="T62" y="T63"/>
                  </a:cxn>
                  <a:cxn ang="0">
                    <a:pos x="T64" y="T65"/>
                  </a:cxn>
                  <a:cxn ang="0">
                    <a:pos x="T66" y="T67"/>
                  </a:cxn>
                  <a:cxn ang="0">
                    <a:pos x="T68" y="T69"/>
                  </a:cxn>
                  <a:cxn ang="0">
                    <a:pos x="T70" y="T71"/>
                  </a:cxn>
                  <a:cxn ang="0">
                    <a:pos x="T72" y="T73"/>
                  </a:cxn>
                  <a:cxn ang="0">
                    <a:pos x="T74" y="T75"/>
                  </a:cxn>
                  <a:cxn ang="0">
                    <a:pos x="T76" y="T77"/>
                  </a:cxn>
                  <a:cxn ang="0">
                    <a:pos x="T78" y="T79"/>
                  </a:cxn>
                  <a:cxn ang="0">
                    <a:pos x="T80" y="T81"/>
                  </a:cxn>
                  <a:cxn ang="0">
                    <a:pos x="T82" y="T83"/>
                  </a:cxn>
                  <a:cxn ang="0">
                    <a:pos x="T84" y="T85"/>
                  </a:cxn>
                  <a:cxn ang="0">
                    <a:pos x="T86" y="T87"/>
                  </a:cxn>
                  <a:cxn ang="0">
                    <a:pos x="T88" y="T89"/>
                  </a:cxn>
                </a:cxnLst>
                <a:rect l="0" t="0" r="r" b="b"/>
                <a:pathLst>
                  <a:path w="576" h="346">
                    <a:moveTo>
                      <a:pt x="156" y="38"/>
                    </a:moveTo>
                    <a:lnTo>
                      <a:pt x="143" y="30"/>
                    </a:lnTo>
                    <a:lnTo>
                      <a:pt x="130" y="22"/>
                    </a:lnTo>
                    <a:lnTo>
                      <a:pt x="116" y="14"/>
                    </a:lnTo>
                    <a:lnTo>
                      <a:pt x="102" y="7"/>
                    </a:lnTo>
                    <a:lnTo>
                      <a:pt x="89" y="3"/>
                    </a:lnTo>
                    <a:lnTo>
                      <a:pt x="74" y="0"/>
                    </a:lnTo>
                    <a:lnTo>
                      <a:pt x="59" y="0"/>
                    </a:lnTo>
                    <a:lnTo>
                      <a:pt x="42" y="4"/>
                    </a:lnTo>
                    <a:lnTo>
                      <a:pt x="29" y="11"/>
                    </a:lnTo>
                    <a:lnTo>
                      <a:pt x="17" y="21"/>
                    </a:lnTo>
                    <a:lnTo>
                      <a:pt x="9" y="33"/>
                    </a:lnTo>
                    <a:lnTo>
                      <a:pt x="4" y="46"/>
                    </a:lnTo>
                    <a:lnTo>
                      <a:pt x="1" y="60"/>
                    </a:lnTo>
                    <a:lnTo>
                      <a:pt x="0" y="75"/>
                    </a:lnTo>
                    <a:lnTo>
                      <a:pt x="1" y="89"/>
                    </a:lnTo>
                    <a:lnTo>
                      <a:pt x="4" y="103"/>
                    </a:lnTo>
                    <a:lnTo>
                      <a:pt x="10" y="118"/>
                    </a:lnTo>
                    <a:lnTo>
                      <a:pt x="18" y="132"/>
                    </a:lnTo>
                    <a:lnTo>
                      <a:pt x="27" y="146"/>
                    </a:lnTo>
                    <a:lnTo>
                      <a:pt x="38" y="158"/>
                    </a:lnTo>
                    <a:lnTo>
                      <a:pt x="48" y="171"/>
                    </a:lnTo>
                    <a:lnTo>
                      <a:pt x="60" y="182"/>
                    </a:lnTo>
                    <a:lnTo>
                      <a:pt x="71" y="194"/>
                    </a:lnTo>
                    <a:lnTo>
                      <a:pt x="82" y="204"/>
                    </a:lnTo>
                    <a:lnTo>
                      <a:pt x="105" y="224"/>
                    </a:lnTo>
                    <a:lnTo>
                      <a:pt x="130" y="244"/>
                    </a:lnTo>
                    <a:lnTo>
                      <a:pt x="158" y="261"/>
                    </a:lnTo>
                    <a:lnTo>
                      <a:pt x="186" y="278"/>
                    </a:lnTo>
                    <a:lnTo>
                      <a:pt x="218" y="293"/>
                    </a:lnTo>
                    <a:lnTo>
                      <a:pt x="249" y="307"/>
                    </a:lnTo>
                    <a:lnTo>
                      <a:pt x="281" y="318"/>
                    </a:lnTo>
                    <a:lnTo>
                      <a:pt x="314" y="328"/>
                    </a:lnTo>
                    <a:lnTo>
                      <a:pt x="348" y="336"/>
                    </a:lnTo>
                    <a:lnTo>
                      <a:pt x="382" y="342"/>
                    </a:lnTo>
                    <a:lnTo>
                      <a:pt x="416" y="345"/>
                    </a:lnTo>
                    <a:lnTo>
                      <a:pt x="449" y="346"/>
                    </a:lnTo>
                    <a:lnTo>
                      <a:pt x="482" y="344"/>
                    </a:lnTo>
                    <a:lnTo>
                      <a:pt x="515" y="339"/>
                    </a:lnTo>
                    <a:lnTo>
                      <a:pt x="546" y="332"/>
                    </a:lnTo>
                    <a:lnTo>
                      <a:pt x="576" y="322"/>
                    </a:lnTo>
                    <a:lnTo>
                      <a:pt x="575" y="318"/>
                    </a:lnTo>
                    <a:lnTo>
                      <a:pt x="571" y="313"/>
                    </a:lnTo>
                    <a:lnTo>
                      <a:pt x="568" y="307"/>
                    </a:lnTo>
                    <a:lnTo>
                      <a:pt x="563" y="305"/>
                    </a:lnTo>
                    <a:lnTo>
                      <a:pt x="539" y="309"/>
                    </a:lnTo>
                    <a:lnTo>
                      <a:pt x="515" y="313"/>
                    </a:lnTo>
                    <a:lnTo>
                      <a:pt x="490" y="315"/>
                    </a:lnTo>
                    <a:lnTo>
                      <a:pt x="467" y="317"/>
                    </a:lnTo>
                    <a:lnTo>
                      <a:pt x="444" y="318"/>
                    </a:lnTo>
                    <a:lnTo>
                      <a:pt x="421" y="318"/>
                    </a:lnTo>
                    <a:lnTo>
                      <a:pt x="398" y="318"/>
                    </a:lnTo>
                    <a:lnTo>
                      <a:pt x="376" y="316"/>
                    </a:lnTo>
                    <a:lnTo>
                      <a:pt x="353" y="314"/>
                    </a:lnTo>
                    <a:lnTo>
                      <a:pt x="332" y="310"/>
                    </a:lnTo>
                    <a:lnTo>
                      <a:pt x="310" y="306"/>
                    </a:lnTo>
                    <a:lnTo>
                      <a:pt x="287" y="300"/>
                    </a:lnTo>
                    <a:lnTo>
                      <a:pt x="265" y="293"/>
                    </a:lnTo>
                    <a:lnTo>
                      <a:pt x="242" y="286"/>
                    </a:lnTo>
                    <a:lnTo>
                      <a:pt x="220" y="277"/>
                    </a:lnTo>
                    <a:lnTo>
                      <a:pt x="197" y="267"/>
                    </a:lnTo>
                    <a:lnTo>
                      <a:pt x="182" y="260"/>
                    </a:lnTo>
                    <a:lnTo>
                      <a:pt x="166" y="250"/>
                    </a:lnTo>
                    <a:lnTo>
                      <a:pt x="148" y="241"/>
                    </a:lnTo>
                    <a:lnTo>
                      <a:pt x="131" y="231"/>
                    </a:lnTo>
                    <a:lnTo>
                      <a:pt x="114" y="218"/>
                    </a:lnTo>
                    <a:lnTo>
                      <a:pt x="95" y="206"/>
                    </a:lnTo>
                    <a:lnTo>
                      <a:pt x="79" y="192"/>
                    </a:lnTo>
                    <a:lnTo>
                      <a:pt x="63" y="177"/>
                    </a:lnTo>
                    <a:lnTo>
                      <a:pt x="48" y="162"/>
                    </a:lnTo>
                    <a:lnTo>
                      <a:pt x="36" y="147"/>
                    </a:lnTo>
                    <a:lnTo>
                      <a:pt x="25" y="129"/>
                    </a:lnTo>
                    <a:lnTo>
                      <a:pt x="17" y="113"/>
                    </a:lnTo>
                    <a:lnTo>
                      <a:pt x="13" y="96"/>
                    </a:lnTo>
                    <a:lnTo>
                      <a:pt x="10" y="79"/>
                    </a:lnTo>
                    <a:lnTo>
                      <a:pt x="13" y="60"/>
                    </a:lnTo>
                    <a:lnTo>
                      <a:pt x="18" y="43"/>
                    </a:lnTo>
                    <a:lnTo>
                      <a:pt x="32" y="22"/>
                    </a:lnTo>
                    <a:lnTo>
                      <a:pt x="47" y="11"/>
                    </a:lnTo>
                    <a:lnTo>
                      <a:pt x="65" y="6"/>
                    </a:lnTo>
                    <a:lnTo>
                      <a:pt x="84" y="7"/>
                    </a:lnTo>
                    <a:lnTo>
                      <a:pt x="104" y="13"/>
                    </a:lnTo>
                    <a:lnTo>
                      <a:pt x="122" y="21"/>
                    </a:lnTo>
                    <a:lnTo>
                      <a:pt x="142" y="31"/>
                    </a:lnTo>
                    <a:lnTo>
                      <a:pt x="159" y="41"/>
                    </a:lnTo>
                    <a:lnTo>
                      <a:pt x="158" y="41"/>
                    </a:lnTo>
                    <a:lnTo>
                      <a:pt x="158" y="40"/>
                    </a:lnTo>
                    <a:lnTo>
                      <a:pt x="158" y="38"/>
                    </a:lnTo>
                    <a:lnTo>
                      <a:pt x="156" y="38"/>
                    </a:lnTo>
                    <a:lnTo>
                      <a:pt x="156" y="38"/>
                    </a:lnTo>
                    <a:close/>
                  </a:path>
                </a:pathLst>
              </a:custGeom>
              <a:solidFill>
                <a:srgbClr val="5199FF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US"/>
              </a:p>
            </p:txBody>
          </p:sp>
          <p:sp>
            <p:nvSpPr>
              <p:cNvPr id="25" name="Freeform 24"/>
              <p:cNvSpPr>
                <a:spLocks/>
              </p:cNvSpPr>
              <p:nvPr/>
            </p:nvSpPr>
            <p:spPr bwMode="auto">
              <a:xfrm>
                <a:off x="6481763" y="1698625"/>
                <a:ext cx="198438" cy="974725"/>
              </a:xfrm>
              <a:custGeom>
                <a:avLst/>
                <a:gdLst>
                  <a:gd name="T0" fmla="*/ 172 w 249"/>
                  <a:gd name="T1" fmla="*/ 7 h 1229"/>
                  <a:gd name="T2" fmla="*/ 202 w 249"/>
                  <a:gd name="T3" fmla="*/ 79 h 1229"/>
                  <a:gd name="T4" fmla="*/ 223 w 249"/>
                  <a:gd name="T5" fmla="*/ 156 h 1229"/>
                  <a:gd name="T6" fmla="*/ 234 w 249"/>
                  <a:gd name="T7" fmla="*/ 236 h 1229"/>
                  <a:gd name="T8" fmla="*/ 239 w 249"/>
                  <a:gd name="T9" fmla="*/ 319 h 1229"/>
                  <a:gd name="T10" fmla="*/ 238 w 249"/>
                  <a:gd name="T11" fmla="*/ 404 h 1229"/>
                  <a:gd name="T12" fmla="*/ 229 w 249"/>
                  <a:gd name="T13" fmla="*/ 485 h 1229"/>
                  <a:gd name="T14" fmla="*/ 217 w 249"/>
                  <a:gd name="T15" fmla="*/ 565 h 1229"/>
                  <a:gd name="T16" fmla="*/ 201 w 249"/>
                  <a:gd name="T17" fmla="*/ 639 h 1229"/>
                  <a:gd name="T18" fmla="*/ 191 w 249"/>
                  <a:gd name="T19" fmla="*/ 676 h 1229"/>
                  <a:gd name="T20" fmla="*/ 181 w 249"/>
                  <a:gd name="T21" fmla="*/ 713 h 1229"/>
                  <a:gd name="T22" fmla="*/ 171 w 249"/>
                  <a:gd name="T23" fmla="*/ 749 h 1229"/>
                  <a:gd name="T24" fmla="*/ 159 w 249"/>
                  <a:gd name="T25" fmla="*/ 786 h 1229"/>
                  <a:gd name="T26" fmla="*/ 149 w 249"/>
                  <a:gd name="T27" fmla="*/ 822 h 1229"/>
                  <a:gd name="T28" fmla="*/ 137 w 249"/>
                  <a:gd name="T29" fmla="*/ 858 h 1229"/>
                  <a:gd name="T30" fmla="*/ 125 w 249"/>
                  <a:gd name="T31" fmla="*/ 895 h 1229"/>
                  <a:gd name="T32" fmla="*/ 113 w 249"/>
                  <a:gd name="T33" fmla="*/ 930 h 1229"/>
                  <a:gd name="T34" fmla="*/ 99 w 249"/>
                  <a:gd name="T35" fmla="*/ 966 h 1229"/>
                  <a:gd name="T36" fmla="*/ 87 w 249"/>
                  <a:gd name="T37" fmla="*/ 1001 h 1229"/>
                  <a:gd name="T38" fmla="*/ 73 w 249"/>
                  <a:gd name="T39" fmla="*/ 1036 h 1229"/>
                  <a:gd name="T40" fmla="*/ 59 w 249"/>
                  <a:gd name="T41" fmla="*/ 1072 h 1229"/>
                  <a:gd name="T42" fmla="*/ 45 w 249"/>
                  <a:gd name="T43" fmla="*/ 1107 h 1229"/>
                  <a:gd name="T44" fmla="*/ 30 w 249"/>
                  <a:gd name="T45" fmla="*/ 1141 h 1229"/>
                  <a:gd name="T46" fmla="*/ 15 w 249"/>
                  <a:gd name="T47" fmla="*/ 1177 h 1229"/>
                  <a:gd name="T48" fmla="*/ 0 w 249"/>
                  <a:gd name="T49" fmla="*/ 1212 h 1229"/>
                  <a:gd name="T50" fmla="*/ 0 w 249"/>
                  <a:gd name="T51" fmla="*/ 1216 h 1229"/>
                  <a:gd name="T52" fmla="*/ 4 w 249"/>
                  <a:gd name="T53" fmla="*/ 1222 h 1229"/>
                  <a:gd name="T54" fmla="*/ 7 w 249"/>
                  <a:gd name="T55" fmla="*/ 1227 h 1229"/>
                  <a:gd name="T56" fmla="*/ 9 w 249"/>
                  <a:gd name="T57" fmla="*/ 1229 h 1229"/>
                  <a:gd name="T58" fmla="*/ 31 w 249"/>
                  <a:gd name="T59" fmla="*/ 1186 h 1229"/>
                  <a:gd name="T60" fmla="*/ 53 w 249"/>
                  <a:gd name="T61" fmla="*/ 1143 h 1229"/>
                  <a:gd name="T62" fmla="*/ 72 w 249"/>
                  <a:gd name="T63" fmla="*/ 1098 h 1229"/>
                  <a:gd name="T64" fmla="*/ 90 w 249"/>
                  <a:gd name="T65" fmla="*/ 1053 h 1229"/>
                  <a:gd name="T66" fmla="*/ 107 w 249"/>
                  <a:gd name="T67" fmla="*/ 1008 h 1229"/>
                  <a:gd name="T68" fmla="*/ 124 w 249"/>
                  <a:gd name="T69" fmla="*/ 962 h 1229"/>
                  <a:gd name="T70" fmla="*/ 138 w 249"/>
                  <a:gd name="T71" fmla="*/ 915 h 1229"/>
                  <a:gd name="T72" fmla="*/ 153 w 249"/>
                  <a:gd name="T73" fmla="*/ 869 h 1229"/>
                  <a:gd name="T74" fmla="*/ 167 w 249"/>
                  <a:gd name="T75" fmla="*/ 822 h 1229"/>
                  <a:gd name="T76" fmla="*/ 181 w 249"/>
                  <a:gd name="T77" fmla="*/ 776 h 1229"/>
                  <a:gd name="T78" fmla="*/ 194 w 249"/>
                  <a:gd name="T79" fmla="*/ 729 h 1229"/>
                  <a:gd name="T80" fmla="*/ 205 w 249"/>
                  <a:gd name="T81" fmla="*/ 681 h 1229"/>
                  <a:gd name="T82" fmla="*/ 216 w 249"/>
                  <a:gd name="T83" fmla="*/ 635 h 1229"/>
                  <a:gd name="T84" fmla="*/ 225 w 249"/>
                  <a:gd name="T85" fmla="*/ 587 h 1229"/>
                  <a:gd name="T86" fmla="*/ 233 w 249"/>
                  <a:gd name="T87" fmla="*/ 540 h 1229"/>
                  <a:gd name="T88" fmla="*/ 239 w 249"/>
                  <a:gd name="T89" fmla="*/ 491 h 1229"/>
                  <a:gd name="T90" fmla="*/ 244 w 249"/>
                  <a:gd name="T91" fmla="*/ 429 h 1229"/>
                  <a:gd name="T92" fmla="*/ 248 w 249"/>
                  <a:gd name="T93" fmla="*/ 366 h 1229"/>
                  <a:gd name="T94" fmla="*/ 249 w 249"/>
                  <a:gd name="T95" fmla="*/ 301 h 1229"/>
                  <a:gd name="T96" fmla="*/ 246 w 249"/>
                  <a:gd name="T97" fmla="*/ 238 h 1229"/>
                  <a:gd name="T98" fmla="*/ 238 w 249"/>
                  <a:gd name="T99" fmla="*/ 175 h 1229"/>
                  <a:gd name="T100" fmla="*/ 223 w 249"/>
                  <a:gd name="T101" fmla="*/ 114 h 1229"/>
                  <a:gd name="T102" fmla="*/ 200 w 249"/>
                  <a:gd name="T103" fmla="*/ 55 h 1229"/>
                  <a:gd name="T104" fmla="*/ 170 w 249"/>
                  <a:gd name="T105" fmla="*/ 0 h 1229"/>
                  <a:gd name="T106" fmla="*/ 170 w 249"/>
                  <a:gd name="T107" fmla="*/ 0 h 1229"/>
                  <a:gd name="T108" fmla="*/ 170 w 249"/>
                  <a:gd name="T109" fmla="*/ 2 h 1229"/>
                  <a:gd name="T110" fmla="*/ 171 w 249"/>
                  <a:gd name="T111" fmla="*/ 5 h 1229"/>
                  <a:gd name="T112" fmla="*/ 172 w 249"/>
                  <a:gd name="T113" fmla="*/ 7 h 1229"/>
                  <a:gd name="T114" fmla="*/ 172 w 249"/>
                  <a:gd name="T115" fmla="*/ 7 h 1229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  <a:cxn ang="0">
                    <a:pos x="T44" y="T45"/>
                  </a:cxn>
                  <a:cxn ang="0">
                    <a:pos x="T46" y="T47"/>
                  </a:cxn>
                  <a:cxn ang="0">
                    <a:pos x="T48" y="T49"/>
                  </a:cxn>
                  <a:cxn ang="0">
                    <a:pos x="T50" y="T51"/>
                  </a:cxn>
                  <a:cxn ang="0">
                    <a:pos x="T52" y="T53"/>
                  </a:cxn>
                  <a:cxn ang="0">
                    <a:pos x="T54" y="T55"/>
                  </a:cxn>
                  <a:cxn ang="0">
                    <a:pos x="T56" y="T57"/>
                  </a:cxn>
                  <a:cxn ang="0">
                    <a:pos x="T58" y="T59"/>
                  </a:cxn>
                  <a:cxn ang="0">
                    <a:pos x="T60" y="T61"/>
                  </a:cxn>
                  <a:cxn ang="0">
                    <a:pos x="T62" y="T63"/>
                  </a:cxn>
                  <a:cxn ang="0">
                    <a:pos x="T64" y="T65"/>
                  </a:cxn>
                  <a:cxn ang="0">
                    <a:pos x="T66" y="T67"/>
                  </a:cxn>
                  <a:cxn ang="0">
                    <a:pos x="T68" y="T69"/>
                  </a:cxn>
                  <a:cxn ang="0">
                    <a:pos x="T70" y="T71"/>
                  </a:cxn>
                  <a:cxn ang="0">
                    <a:pos x="T72" y="T73"/>
                  </a:cxn>
                  <a:cxn ang="0">
                    <a:pos x="T74" y="T75"/>
                  </a:cxn>
                  <a:cxn ang="0">
                    <a:pos x="T76" y="T77"/>
                  </a:cxn>
                  <a:cxn ang="0">
                    <a:pos x="T78" y="T79"/>
                  </a:cxn>
                  <a:cxn ang="0">
                    <a:pos x="T80" y="T81"/>
                  </a:cxn>
                  <a:cxn ang="0">
                    <a:pos x="T82" y="T83"/>
                  </a:cxn>
                  <a:cxn ang="0">
                    <a:pos x="T84" y="T85"/>
                  </a:cxn>
                  <a:cxn ang="0">
                    <a:pos x="T86" y="T87"/>
                  </a:cxn>
                  <a:cxn ang="0">
                    <a:pos x="T88" y="T89"/>
                  </a:cxn>
                  <a:cxn ang="0">
                    <a:pos x="T90" y="T91"/>
                  </a:cxn>
                  <a:cxn ang="0">
                    <a:pos x="T92" y="T93"/>
                  </a:cxn>
                  <a:cxn ang="0">
                    <a:pos x="T94" y="T95"/>
                  </a:cxn>
                  <a:cxn ang="0">
                    <a:pos x="T96" y="T97"/>
                  </a:cxn>
                  <a:cxn ang="0">
                    <a:pos x="T98" y="T99"/>
                  </a:cxn>
                  <a:cxn ang="0">
                    <a:pos x="T100" y="T101"/>
                  </a:cxn>
                  <a:cxn ang="0">
                    <a:pos x="T102" y="T103"/>
                  </a:cxn>
                  <a:cxn ang="0">
                    <a:pos x="T104" y="T105"/>
                  </a:cxn>
                  <a:cxn ang="0">
                    <a:pos x="T106" y="T107"/>
                  </a:cxn>
                  <a:cxn ang="0">
                    <a:pos x="T108" y="T109"/>
                  </a:cxn>
                  <a:cxn ang="0">
                    <a:pos x="T110" y="T111"/>
                  </a:cxn>
                  <a:cxn ang="0">
                    <a:pos x="T112" y="T113"/>
                  </a:cxn>
                  <a:cxn ang="0">
                    <a:pos x="T114" y="T115"/>
                  </a:cxn>
                </a:cxnLst>
                <a:rect l="0" t="0" r="r" b="b"/>
                <a:pathLst>
                  <a:path w="249" h="1229">
                    <a:moveTo>
                      <a:pt x="172" y="7"/>
                    </a:moveTo>
                    <a:lnTo>
                      <a:pt x="202" y="79"/>
                    </a:lnTo>
                    <a:lnTo>
                      <a:pt x="223" y="156"/>
                    </a:lnTo>
                    <a:lnTo>
                      <a:pt x="234" y="236"/>
                    </a:lnTo>
                    <a:lnTo>
                      <a:pt x="239" y="319"/>
                    </a:lnTo>
                    <a:lnTo>
                      <a:pt x="238" y="404"/>
                    </a:lnTo>
                    <a:lnTo>
                      <a:pt x="229" y="485"/>
                    </a:lnTo>
                    <a:lnTo>
                      <a:pt x="217" y="565"/>
                    </a:lnTo>
                    <a:lnTo>
                      <a:pt x="201" y="639"/>
                    </a:lnTo>
                    <a:lnTo>
                      <a:pt x="191" y="676"/>
                    </a:lnTo>
                    <a:lnTo>
                      <a:pt x="181" y="713"/>
                    </a:lnTo>
                    <a:lnTo>
                      <a:pt x="171" y="749"/>
                    </a:lnTo>
                    <a:lnTo>
                      <a:pt x="159" y="786"/>
                    </a:lnTo>
                    <a:lnTo>
                      <a:pt x="149" y="822"/>
                    </a:lnTo>
                    <a:lnTo>
                      <a:pt x="137" y="858"/>
                    </a:lnTo>
                    <a:lnTo>
                      <a:pt x="125" y="895"/>
                    </a:lnTo>
                    <a:lnTo>
                      <a:pt x="113" y="930"/>
                    </a:lnTo>
                    <a:lnTo>
                      <a:pt x="99" y="966"/>
                    </a:lnTo>
                    <a:lnTo>
                      <a:pt x="87" y="1001"/>
                    </a:lnTo>
                    <a:lnTo>
                      <a:pt x="73" y="1036"/>
                    </a:lnTo>
                    <a:lnTo>
                      <a:pt x="59" y="1072"/>
                    </a:lnTo>
                    <a:lnTo>
                      <a:pt x="45" y="1107"/>
                    </a:lnTo>
                    <a:lnTo>
                      <a:pt x="30" y="1141"/>
                    </a:lnTo>
                    <a:lnTo>
                      <a:pt x="15" y="1177"/>
                    </a:lnTo>
                    <a:lnTo>
                      <a:pt x="0" y="1212"/>
                    </a:lnTo>
                    <a:lnTo>
                      <a:pt x="0" y="1216"/>
                    </a:lnTo>
                    <a:lnTo>
                      <a:pt x="4" y="1222"/>
                    </a:lnTo>
                    <a:lnTo>
                      <a:pt x="7" y="1227"/>
                    </a:lnTo>
                    <a:lnTo>
                      <a:pt x="9" y="1229"/>
                    </a:lnTo>
                    <a:lnTo>
                      <a:pt x="31" y="1186"/>
                    </a:lnTo>
                    <a:lnTo>
                      <a:pt x="53" y="1143"/>
                    </a:lnTo>
                    <a:lnTo>
                      <a:pt x="72" y="1098"/>
                    </a:lnTo>
                    <a:lnTo>
                      <a:pt x="90" y="1053"/>
                    </a:lnTo>
                    <a:lnTo>
                      <a:pt x="107" y="1008"/>
                    </a:lnTo>
                    <a:lnTo>
                      <a:pt x="124" y="962"/>
                    </a:lnTo>
                    <a:lnTo>
                      <a:pt x="138" y="915"/>
                    </a:lnTo>
                    <a:lnTo>
                      <a:pt x="153" y="869"/>
                    </a:lnTo>
                    <a:lnTo>
                      <a:pt x="167" y="822"/>
                    </a:lnTo>
                    <a:lnTo>
                      <a:pt x="181" y="776"/>
                    </a:lnTo>
                    <a:lnTo>
                      <a:pt x="194" y="729"/>
                    </a:lnTo>
                    <a:lnTo>
                      <a:pt x="205" y="681"/>
                    </a:lnTo>
                    <a:lnTo>
                      <a:pt x="216" y="635"/>
                    </a:lnTo>
                    <a:lnTo>
                      <a:pt x="225" y="587"/>
                    </a:lnTo>
                    <a:lnTo>
                      <a:pt x="233" y="540"/>
                    </a:lnTo>
                    <a:lnTo>
                      <a:pt x="239" y="491"/>
                    </a:lnTo>
                    <a:lnTo>
                      <a:pt x="244" y="429"/>
                    </a:lnTo>
                    <a:lnTo>
                      <a:pt x="248" y="366"/>
                    </a:lnTo>
                    <a:lnTo>
                      <a:pt x="249" y="301"/>
                    </a:lnTo>
                    <a:lnTo>
                      <a:pt x="246" y="238"/>
                    </a:lnTo>
                    <a:lnTo>
                      <a:pt x="238" y="175"/>
                    </a:lnTo>
                    <a:lnTo>
                      <a:pt x="223" y="114"/>
                    </a:lnTo>
                    <a:lnTo>
                      <a:pt x="200" y="55"/>
                    </a:lnTo>
                    <a:lnTo>
                      <a:pt x="170" y="0"/>
                    </a:lnTo>
                    <a:lnTo>
                      <a:pt x="170" y="0"/>
                    </a:lnTo>
                    <a:lnTo>
                      <a:pt x="170" y="2"/>
                    </a:lnTo>
                    <a:lnTo>
                      <a:pt x="171" y="5"/>
                    </a:lnTo>
                    <a:lnTo>
                      <a:pt x="172" y="7"/>
                    </a:lnTo>
                    <a:lnTo>
                      <a:pt x="172" y="7"/>
                    </a:lnTo>
                    <a:close/>
                  </a:path>
                </a:pathLst>
              </a:custGeom>
              <a:solidFill>
                <a:srgbClr val="000000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round/>
                    <a:headEnd/>
                    <a:tailEnd/>
                  </a14:hiddenLine>
                </a:ext>
              </a:ex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en-US"/>
              </a:p>
            </p:txBody>
          </p:sp>
        </p:grpSp>
        <p:sp>
          <p:nvSpPr>
            <p:cNvPr id="26" name="Freeform 25"/>
            <p:cNvSpPr>
              <a:spLocks/>
            </p:cNvSpPr>
            <p:nvPr/>
          </p:nvSpPr>
          <p:spPr bwMode="auto">
            <a:xfrm>
              <a:off x="6858000" y="2066925"/>
              <a:ext cx="601663" cy="763587"/>
            </a:xfrm>
            <a:custGeom>
              <a:avLst/>
              <a:gdLst>
                <a:gd name="T0" fmla="*/ 717 w 757"/>
                <a:gd name="T1" fmla="*/ 17 h 960"/>
                <a:gd name="T2" fmla="*/ 651 w 757"/>
                <a:gd name="T3" fmla="*/ 57 h 960"/>
                <a:gd name="T4" fmla="*/ 590 w 757"/>
                <a:gd name="T5" fmla="*/ 102 h 960"/>
                <a:gd name="T6" fmla="*/ 533 w 757"/>
                <a:gd name="T7" fmla="*/ 153 h 960"/>
                <a:gd name="T8" fmla="*/ 479 w 757"/>
                <a:gd name="T9" fmla="*/ 206 h 960"/>
                <a:gd name="T10" fmla="*/ 428 w 757"/>
                <a:gd name="T11" fmla="*/ 263 h 960"/>
                <a:gd name="T12" fmla="*/ 378 w 757"/>
                <a:gd name="T13" fmla="*/ 321 h 960"/>
                <a:gd name="T14" fmla="*/ 331 w 757"/>
                <a:gd name="T15" fmla="*/ 381 h 960"/>
                <a:gd name="T16" fmla="*/ 284 w 757"/>
                <a:gd name="T17" fmla="*/ 443 h 960"/>
                <a:gd name="T18" fmla="*/ 240 w 757"/>
                <a:gd name="T19" fmla="*/ 504 h 960"/>
                <a:gd name="T20" fmla="*/ 198 w 757"/>
                <a:gd name="T21" fmla="*/ 567 h 960"/>
                <a:gd name="T22" fmla="*/ 156 w 757"/>
                <a:gd name="T23" fmla="*/ 633 h 960"/>
                <a:gd name="T24" fmla="*/ 117 w 757"/>
                <a:gd name="T25" fmla="*/ 698 h 960"/>
                <a:gd name="T26" fmla="*/ 80 w 757"/>
                <a:gd name="T27" fmla="*/ 766 h 960"/>
                <a:gd name="T28" fmla="*/ 46 w 757"/>
                <a:gd name="T29" fmla="*/ 836 h 960"/>
                <a:gd name="T30" fmla="*/ 15 w 757"/>
                <a:gd name="T31" fmla="*/ 904 h 960"/>
                <a:gd name="T32" fmla="*/ 1 w 757"/>
                <a:gd name="T33" fmla="*/ 945 h 960"/>
                <a:gd name="T34" fmla="*/ 15 w 757"/>
                <a:gd name="T35" fmla="*/ 959 h 960"/>
                <a:gd name="T36" fmla="*/ 39 w 757"/>
                <a:gd name="T37" fmla="*/ 927 h 960"/>
                <a:gd name="T38" fmla="*/ 76 w 757"/>
                <a:gd name="T39" fmla="*/ 860 h 960"/>
                <a:gd name="T40" fmla="*/ 111 w 757"/>
                <a:gd name="T41" fmla="*/ 792 h 960"/>
                <a:gd name="T42" fmla="*/ 147 w 757"/>
                <a:gd name="T43" fmla="*/ 724 h 960"/>
                <a:gd name="T44" fmla="*/ 183 w 757"/>
                <a:gd name="T45" fmla="*/ 657 h 960"/>
                <a:gd name="T46" fmla="*/ 220 w 757"/>
                <a:gd name="T47" fmla="*/ 590 h 960"/>
                <a:gd name="T48" fmla="*/ 259 w 757"/>
                <a:gd name="T49" fmla="*/ 524 h 960"/>
                <a:gd name="T50" fmla="*/ 300 w 757"/>
                <a:gd name="T51" fmla="*/ 460 h 960"/>
                <a:gd name="T52" fmla="*/ 345 w 757"/>
                <a:gd name="T53" fmla="*/ 398 h 960"/>
                <a:gd name="T54" fmla="*/ 391 w 757"/>
                <a:gd name="T55" fmla="*/ 335 h 960"/>
                <a:gd name="T56" fmla="*/ 438 w 757"/>
                <a:gd name="T57" fmla="*/ 275 h 960"/>
                <a:gd name="T58" fmla="*/ 489 w 757"/>
                <a:gd name="T59" fmla="*/ 218 h 960"/>
                <a:gd name="T60" fmla="*/ 542 w 757"/>
                <a:gd name="T61" fmla="*/ 162 h 960"/>
                <a:gd name="T62" fmla="*/ 597 w 757"/>
                <a:gd name="T63" fmla="*/ 112 h 960"/>
                <a:gd name="T64" fmla="*/ 658 w 757"/>
                <a:gd name="T65" fmla="*/ 66 h 960"/>
                <a:gd name="T66" fmla="*/ 723 w 757"/>
                <a:gd name="T67" fmla="*/ 24 h 960"/>
                <a:gd name="T68" fmla="*/ 756 w 757"/>
                <a:gd name="T69" fmla="*/ 4 h 960"/>
                <a:gd name="T70" fmla="*/ 753 w 757"/>
                <a:gd name="T71" fmla="*/ 1 h 960"/>
                <a:gd name="T72" fmla="*/ 752 w 757"/>
                <a:gd name="T73" fmla="*/ 0 h 960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</a:cxnLst>
              <a:rect l="0" t="0" r="r" b="b"/>
              <a:pathLst>
                <a:path w="757" h="960">
                  <a:moveTo>
                    <a:pt x="752" y="0"/>
                  </a:moveTo>
                  <a:lnTo>
                    <a:pt x="717" y="17"/>
                  </a:lnTo>
                  <a:lnTo>
                    <a:pt x="684" y="37"/>
                  </a:lnTo>
                  <a:lnTo>
                    <a:pt x="651" y="57"/>
                  </a:lnTo>
                  <a:lnTo>
                    <a:pt x="620" y="79"/>
                  </a:lnTo>
                  <a:lnTo>
                    <a:pt x="590" y="102"/>
                  </a:lnTo>
                  <a:lnTo>
                    <a:pt x="560" y="128"/>
                  </a:lnTo>
                  <a:lnTo>
                    <a:pt x="533" y="153"/>
                  </a:lnTo>
                  <a:lnTo>
                    <a:pt x="505" y="179"/>
                  </a:lnTo>
                  <a:lnTo>
                    <a:pt x="479" y="206"/>
                  </a:lnTo>
                  <a:lnTo>
                    <a:pt x="453" y="234"/>
                  </a:lnTo>
                  <a:lnTo>
                    <a:pt x="428" y="263"/>
                  </a:lnTo>
                  <a:lnTo>
                    <a:pt x="404" y="291"/>
                  </a:lnTo>
                  <a:lnTo>
                    <a:pt x="378" y="321"/>
                  </a:lnTo>
                  <a:lnTo>
                    <a:pt x="354" y="351"/>
                  </a:lnTo>
                  <a:lnTo>
                    <a:pt x="331" y="381"/>
                  </a:lnTo>
                  <a:lnTo>
                    <a:pt x="307" y="413"/>
                  </a:lnTo>
                  <a:lnTo>
                    <a:pt x="284" y="443"/>
                  </a:lnTo>
                  <a:lnTo>
                    <a:pt x="262" y="472"/>
                  </a:lnTo>
                  <a:lnTo>
                    <a:pt x="240" y="504"/>
                  </a:lnTo>
                  <a:lnTo>
                    <a:pt x="218" y="535"/>
                  </a:lnTo>
                  <a:lnTo>
                    <a:pt x="198" y="567"/>
                  </a:lnTo>
                  <a:lnTo>
                    <a:pt x="177" y="599"/>
                  </a:lnTo>
                  <a:lnTo>
                    <a:pt x="156" y="633"/>
                  </a:lnTo>
                  <a:lnTo>
                    <a:pt x="137" y="665"/>
                  </a:lnTo>
                  <a:lnTo>
                    <a:pt x="117" y="698"/>
                  </a:lnTo>
                  <a:lnTo>
                    <a:pt x="99" y="733"/>
                  </a:lnTo>
                  <a:lnTo>
                    <a:pt x="80" y="766"/>
                  </a:lnTo>
                  <a:lnTo>
                    <a:pt x="63" y="801"/>
                  </a:lnTo>
                  <a:lnTo>
                    <a:pt x="46" y="836"/>
                  </a:lnTo>
                  <a:lnTo>
                    <a:pt x="30" y="869"/>
                  </a:lnTo>
                  <a:lnTo>
                    <a:pt x="15" y="904"/>
                  </a:lnTo>
                  <a:lnTo>
                    <a:pt x="0" y="938"/>
                  </a:lnTo>
                  <a:lnTo>
                    <a:pt x="1" y="945"/>
                  </a:lnTo>
                  <a:lnTo>
                    <a:pt x="8" y="952"/>
                  </a:lnTo>
                  <a:lnTo>
                    <a:pt x="15" y="959"/>
                  </a:lnTo>
                  <a:lnTo>
                    <a:pt x="19" y="960"/>
                  </a:lnTo>
                  <a:lnTo>
                    <a:pt x="39" y="927"/>
                  </a:lnTo>
                  <a:lnTo>
                    <a:pt x="57" y="893"/>
                  </a:lnTo>
                  <a:lnTo>
                    <a:pt x="76" y="860"/>
                  </a:lnTo>
                  <a:lnTo>
                    <a:pt x="94" y="825"/>
                  </a:lnTo>
                  <a:lnTo>
                    <a:pt x="111" y="792"/>
                  </a:lnTo>
                  <a:lnTo>
                    <a:pt x="130" y="758"/>
                  </a:lnTo>
                  <a:lnTo>
                    <a:pt x="147" y="724"/>
                  </a:lnTo>
                  <a:lnTo>
                    <a:pt x="164" y="690"/>
                  </a:lnTo>
                  <a:lnTo>
                    <a:pt x="183" y="657"/>
                  </a:lnTo>
                  <a:lnTo>
                    <a:pt x="201" y="623"/>
                  </a:lnTo>
                  <a:lnTo>
                    <a:pt x="220" y="590"/>
                  </a:lnTo>
                  <a:lnTo>
                    <a:pt x="238" y="558"/>
                  </a:lnTo>
                  <a:lnTo>
                    <a:pt x="259" y="524"/>
                  </a:lnTo>
                  <a:lnTo>
                    <a:pt x="278" y="492"/>
                  </a:lnTo>
                  <a:lnTo>
                    <a:pt x="300" y="460"/>
                  </a:lnTo>
                  <a:lnTo>
                    <a:pt x="322" y="429"/>
                  </a:lnTo>
                  <a:lnTo>
                    <a:pt x="345" y="398"/>
                  </a:lnTo>
                  <a:lnTo>
                    <a:pt x="367" y="366"/>
                  </a:lnTo>
                  <a:lnTo>
                    <a:pt x="391" y="335"/>
                  </a:lnTo>
                  <a:lnTo>
                    <a:pt x="414" y="305"/>
                  </a:lnTo>
                  <a:lnTo>
                    <a:pt x="438" y="275"/>
                  </a:lnTo>
                  <a:lnTo>
                    <a:pt x="464" y="247"/>
                  </a:lnTo>
                  <a:lnTo>
                    <a:pt x="489" y="218"/>
                  </a:lnTo>
                  <a:lnTo>
                    <a:pt x="514" y="190"/>
                  </a:lnTo>
                  <a:lnTo>
                    <a:pt x="542" y="162"/>
                  </a:lnTo>
                  <a:lnTo>
                    <a:pt x="570" y="137"/>
                  </a:lnTo>
                  <a:lnTo>
                    <a:pt x="597" y="112"/>
                  </a:lnTo>
                  <a:lnTo>
                    <a:pt x="627" y="89"/>
                  </a:lnTo>
                  <a:lnTo>
                    <a:pt x="658" y="66"/>
                  </a:lnTo>
                  <a:lnTo>
                    <a:pt x="691" y="44"/>
                  </a:lnTo>
                  <a:lnTo>
                    <a:pt x="723" y="24"/>
                  </a:lnTo>
                  <a:lnTo>
                    <a:pt x="757" y="6"/>
                  </a:lnTo>
                  <a:lnTo>
                    <a:pt x="756" y="4"/>
                  </a:lnTo>
                  <a:lnTo>
                    <a:pt x="755" y="2"/>
                  </a:lnTo>
                  <a:lnTo>
                    <a:pt x="753" y="1"/>
                  </a:lnTo>
                  <a:lnTo>
                    <a:pt x="752" y="0"/>
                  </a:lnTo>
                  <a:lnTo>
                    <a:pt x="752" y="0"/>
                  </a:ln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  <p:sp>
          <p:nvSpPr>
            <p:cNvPr id="27" name="Freeform 26"/>
            <p:cNvSpPr>
              <a:spLocks/>
            </p:cNvSpPr>
            <p:nvPr/>
          </p:nvSpPr>
          <p:spPr bwMode="auto">
            <a:xfrm>
              <a:off x="6276975" y="2460625"/>
              <a:ext cx="809625" cy="487362"/>
            </a:xfrm>
            <a:custGeom>
              <a:avLst/>
              <a:gdLst>
                <a:gd name="T0" fmla="*/ 850 w 1022"/>
                <a:gd name="T1" fmla="*/ 410 h 615"/>
                <a:gd name="T2" fmla="*/ 774 w 1022"/>
                <a:gd name="T3" fmla="*/ 380 h 615"/>
                <a:gd name="T4" fmla="*/ 698 w 1022"/>
                <a:gd name="T5" fmla="*/ 336 h 615"/>
                <a:gd name="T6" fmla="*/ 632 w 1022"/>
                <a:gd name="T7" fmla="*/ 260 h 615"/>
                <a:gd name="T8" fmla="*/ 676 w 1022"/>
                <a:gd name="T9" fmla="*/ 244 h 615"/>
                <a:gd name="T10" fmla="*/ 731 w 1022"/>
                <a:gd name="T11" fmla="*/ 261 h 615"/>
                <a:gd name="T12" fmla="*/ 786 w 1022"/>
                <a:gd name="T13" fmla="*/ 293 h 615"/>
                <a:gd name="T14" fmla="*/ 830 w 1022"/>
                <a:gd name="T15" fmla="*/ 325 h 615"/>
                <a:gd name="T16" fmla="*/ 879 w 1022"/>
                <a:gd name="T17" fmla="*/ 366 h 615"/>
                <a:gd name="T18" fmla="*/ 946 w 1022"/>
                <a:gd name="T19" fmla="*/ 430 h 615"/>
                <a:gd name="T20" fmla="*/ 999 w 1022"/>
                <a:gd name="T21" fmla="*/ 503 h 615"/>
                <a:gd name="T22" fmla="*/ 1004 w 1022"/>
                <a:gd name="T23" fmla="*/ 566 h 615"/>
                <a:gd name="T24" fmla="*/ 954 w 1022"/>
                <a:gd name="T25" fmla="*/ 595 h 615"/>
                <a:gd name="T26" fmla="*/ 888 w 1022"/>
                <a:gd name="T27" fmla="*/ 592 h 615"/>
                <a:gd name="T28" fmla="*/ 810 w 1022"/>
                <a:gd name="T29" fmla="*/ 576 h 615"/>
                <a:gd name="T30" fmla="*/ 726 w 1022"/>
                <a:gd name="T31" fmla="*/ 559 h 615"/>
                <a:gd name="T32" fmla="*/ 640 w 1022"/>
                <a:gd name="T33" fmla="*/ 538 h 615"/>
                <a:gd name="T34" fmla="*/ 556 w 1022"/>
                <a:gd name="T35" fmla="*/ 510 h 615"/>
                <a:gd name="T36" fmla="*/ 476 w 1022"/>
                <a:gd name="T37" fmla="*/ 476 h 615"/>
                <a:gd name="T38" fmla="*/ 395 w 1022"/>
                <a:gd name="T39" fmla="*/ 437 h 615"/>
                <a:gd name="T40" fmla="*/ 313 w 1022"/>
                <a:gd name="T41" fmla="*/ 392 h 615"/>
                <a:gd name="T42" fmla="*/ 230 w 1022"/>
                <a:gd name="T43" fmla="*/ 340 h 615"/>
                <a:gd name="T44" fmla="*/ 153 w 1022"/>
                <a:gd name="T45" fmla="*/ 283 h 615"/>
                <a:gd name="T46" fmla="*/ 83 w 1022"/>
                <a:gd name="T47" fmla="*/ 217 h 615"/>
                <a:gd name="T48" fmla="*/ 24 w 1022"/>
                <a:gd name="T49" fmla="*/ 136 h 615"/>
                <a:gd name="T50" fmla="*/ 22 w 1022"/>
                <a:gd name="T51" fmla="*/ 46 h 615"/>
                <a:gd name="T52" fmla="*/ 78 w 1022"/>
                <a:gd name="T53" fmla="*/ 21 h 615"/>
                <a:gd name="T54" fmla="*/ 131 w 1022"/>
                <a:gd name="T55" fmla="*/ 22 h 615"/>
                <a:gd name="T56" fmla="*/ 188 w 1022"/>
                <a:gd name="T57" fmla="*/ 28 h 615"/>
                <a:gd name="T58" fmla="*/ 248 w 1022"/>
                <a:gd name="T59" fmla="*/ 40 h 615"/>
                <a:gd name="T60" fmla="*/ 308 w 1022"/>
                <a:gd name="T61" fmla="*/ 56 h 615"/>
                <a:gd name="T62" fmla="*/ 365 w 1022"/>
                <a:gd name="T63" fmla="*/ 75 h 615"/>
                <a:gd name="T64" fmla="*/ 376 w 1022"/>
                <a:gd name="T65" fmla="*/ 68 h 615"/>
                <a:gd name="T66" fmla="*/ 318 w 1022"/>
                <a:gd name="T67" fmla="*/ 43 h 615"/>
                <a:gd name="T68" fmla="*/ 242 w 1022"/>
                <a:gd name="T69" fmla="*/ 19 h 615"/>
                <a:gd name="T70" fmla="*/ 163 w 1022"/>
                <a:gd name="T71" fmla="*/ 4 h 615"/>
                <a:gd name="T72" fmla="*/ 84 w 1022"/>
                <a:gd name="T73" fmla="*/ 2 h 615"/>
                <a:gd name="T74" fmla="*/ 2 w 1022"/>
                <a:gd name="T75" fmla="*/ 46 h 615"/>
                <a:gd name="T76" fmla="*/ 27 w 1022"/>
                <a:gd name="T77" fmla="*/ 151 h 615"/>
                <a:gd name="T78" fmla="*/ 90 w 1022"/>
                <a:gd name="T79" fmla="*/ 239 h 615"/>
                <a:gd name="T80" fmla="*/ 172 w 1022"/>
                <a:gd name="T81" fmla="*/ 314 h 615"/>
                <a:gd name="T82" fmla="*/ 265 w 1022"/>
                <a:gd name="T83" fmla="*/ 377 h 615"/>
                <a:gd name="T84" fmla="*/ 361 w 1022"/>
                <a:gd name="T85" fmla="*/ 434 h 615"/>
                <a:gd name="T86" fmla="*/ 470 w 1022"/>
                <a:gd name="T87" fmla="*/ 491 h 615"/>
                <a:gd name="T88" fmla="*/ 590 w 1022"/>
                <a:gd name="T89" fmla="*/ 542 h 615"/>
                <a:gd name="T90" fmla="*/ 713 w 1022"/>
                <a:gd name="T91" fmla="*/ 583 h 615"/>
                <a:gd name="T92" fmla="*/ 840 w 1022"/>
                <a:gd name="T93" fmla="*/ 607 h 615"/>
                <a:gd name="T94" fmla="*/ 931 w 1022"/>
                <a:gd name="T95" fmla="*/ 615 h 615"/>
                <a:gd name="T96" fmla="*/ 1004 w 1022"/>
                <a:gd name="T97" fmla="*/ 593 h 615"/>
                <a:gd name="T98" fmla="*/ 1009 w 1022"/>
                <a:gd name="T99" fmla="*/ 506 h 615"/>
                <a:gd name="T100" fmla="*/ 972 w 1022"/>
                <a:gd name="T101" fmla="*/ 446 h 615"/>
                <a:gd name="T102" fmla="*/ 926 w 1022"/>
                <a:gd name="T103" fmla="*/ 396 h 615"/>
                <a:gd name="T104" fmla="*/ 873 w 1022"/>
                <a:gd name="T105" fmla="*/ 349 h 615"/>
                <a:gd name="T106" fmla="*/ 820 w 1022"/>
                <a:gd name="T107" fmla="*/ 308 h 615"/>
                <a:gd name="T108" fmla="*/ 759 w 1022"/>
                <a:gd name="T109" fmla="*/ 267 h 615"/>
                <a:gd name="T110" fmla="*/ 689 w 1022"/>
                <a:gd name="T111" fmla="*/ 236 h 615"/>
                <a:gd name="T112" fmla="*/ 642 w 1022"/>
                <a:gd name="T113" fmla="*/ 231 h 615"/>
                <a:gd name="T114" fmla="*/ 621 w 1022"/>
                <a:gd name="T115" fmla="*/ 253 h 615"/>
                <a:gd name="T116" fmla="*/ 659 w 1022"/>
                <a:gd name="T117" fmla="*/ 317 h 615"/>
                <a:gd name="T118" fmla="*/ 727 w 1022"/>
                <a:gd name="T119" fmla="*/ 372 h 615"/>
                <a:gd name="T120" fmla="*/ 809 w 1022"/>
                <a:gd name="T121" fmla="*/ 406 h 615"/>
                <a:gd name="T122" fmla="*/ 894 w 1022"/>
                <a:gd name="T123" fmla="*/ 428 h 615"/>
                <a:gd name="T124" fmla="*/ 912 w 1022"/>
                <a:gd name="T125" fmla="*/ 427 h 61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  <a:cxn ang="0">
                  <a:pos x="T6" y="T7"/>
                </a:cxn>
                <a:cxn ang="0">
                  <a:pos x="T8" y="T9"/>
                </a:cxn>
                <a:cxn ang="0">
                  <a:pos x="T10" y="T11"/>
                </a:cxn>
                <a:cxn ang="0">
                  <a:pos x="T12" y="T13"/>
                </a:cxn>
                <a:cxn ang="0">
                  <a:pos x="T14" y="T15"/>
                </a:cxn>
                <a:cxn ang="0">
                  <a:pos x="T16" y="T17"/>
                </a:cxn>
                <a:cxn ang="0">
                  <a:pos x="T18" y="T19"/>
                </a:cxn>
                <a:cxn ang="0">
                  <a:pos x="T20" y="T21"/>
                </a:cxn>
                <a:cxn ang="0">
                  <a:pos x="T22" y="T23"/>
                </a:cxn>
                <a:cxn ang="0">
                  <a:pos x="T24" y="T25"/>
                </a:cxn>
                <a:cxn ang="0">
                  <a:pos x="T26" y="T27"/>
                </a:cxn>
                <a:cxn ang="0">
                  <a:pos x="T28" y="T29"/>
                </a:cxn>
                <a:cxn ang="0">
                  <a:pos x="T30" y="T31"/>
                </a:cxn>
                <a:cxn ang="0">
                  <a:pos x="T32" y="T33"/>
                </a:cxn>
                <a:cxn ang="0">
                  <a:pos x="T34" y="T35"/>
                </a:cxn>
                <a:cxn ang="0">
                  <a:pos x="T36" y="T37"/>
                </a:cxn>
                <a:cxn ang="0">
                  <a:pos x="T38" y="T39"/>
                </a:cxn>
                <a:cxn ang="0">
                  <a:pos x="T40" y="T41"/>
                </a:cxn>
                <a:cxn ang="0">
                  <a:pos x="T42" y="T43"/>
                </a:cxn>
                <a:cxn ang="0">
                  <a:pos x="T44" y="T45"/>
                </a:cxn>
                <a:cxn ang="0">
                  <a:pos x="T46" y="T47"/>
                </a:cxn>
                <a:cxn ang="0">
                  <a:pos x="T48" y="T49"/>
                </a:cxn>
                <a:cxn ang="0">
                  <a:pos x="T50" y="T51"/>
                </a:cxn>
                <a:cxn ang="0">
                  <a:pos x="T52" y="T53"/>
                </a:cxn>
                <a:cxn ang="0">
                  <a:pos x="T54" y="T55"/>
                </a:cxn>
                <a:cxn ang="0">
                  <a:pos x="T56" y="T57"/>
                </a:cxn>
                <a:cxn ang="0">
                  <a:pos x="T58" y="T59"/>
                </a:cxn>
                <a:cxn ang="0">
                  <a:pos x="T60" y="T61"/>
                </a:cxn>
                <a:cxn ang="0">
                  <a:pos x="T62" y="T63"/>
                </a:cxn>
                <a:cxn ang="0">
                  <a:pos x="T64" y="T65"/>
                </a:cxn>
                <a:cxn ang="0">
                  <a:pos x="T66" y="T67"/>
                </a:cxn>
                <a:cxn ang="0">
                  <a:pos x="T68" y="T69"/>
                </a:cxn>
                <a:cxn ang="0">
                  <a:pos x="T70" y="T71"/>
                </a:cxn>
                <a:cxn ang="0">
                  <a:pos x="T72" y="T73"/>
                </a:cxn>
                <a:cxn ang="0">
                  <a:pos x="T74" y="T75"/>
                </a:cxn>
                <a:cxn ang="0">
                  <a:pos x="T76" y="T77"/>
                </a:cxn>
                <a:cxn ang="0">
                  <a:pos x="T78" y="T79"/>
                </a:cxn>
                <a:cxn ang="0">
                  <a:pos x="T80" y="T81"/>
                </a:cxn>
                <a:cxn ang="0">
                  <a:pos x="T82" y="T83"/>
                </a:cxn>
                <a:cxn ang="0">
                  <a:pos x="T84" y="T85"/>
                </a:cxn>
                <a:cxn ang="0">
                  <a:pos x="T86" y="T87"/>
                </a:cxn>
                <a:cxn ang="0">
                  <a:pos x="T88" y="T89"/>
                </a:cxn>
                <a:cxn ang="0">
                  <a:pos x="T90" y="T91"/>
                </a:cxn>
                <a:cxn ang="0">
                  <a:pos x="T92" y="T93"/>
                </a:cxn>
                <a:cxn ang="0">
                  <a:pos x="T94" y="T95"/>
                </a:cxn>
                <a:cxn ang="0">
                  <a:pos x="T96" y="T97"/>
                </a:cxn>
                <a:cxn ang="0">
                  <a:pos x="T98" y="T99"/>
                </a:cxn>
                <a:cxn ang="0">
                  <a:pos x="T100" y="T101"/>
                </a:cxn>
                <a:cxn ang="0">
                  <a:pos x="T102" y="T103"/>
                </a:cxn>
                <a:cxn ang="0">
                  <a:pos x="T104" y="T105"/>
                </a:cxn>
                <a:cxn ang="0">
                  <a:pos x="T106" y="T107"/>
                </a:cxn>
                <a:cxn ang="0">
                  <a:pos x="T108" y="T109"/>
                </a:cxn>
                <a:cxn ang="0">
                  <a:pos x="T110" y="T111"/>
                </a:cxn>
                <a:cxn ang="0">
                  <a:pos x="T112" y="T113"/>
                </a:cxn>
                <a:cxn ang="0">
                  <a:pos x="T114" y="T115"/>
                </a:cxn>
                <a:cxn ang="0">
                  <a:pos x="T116" y="T117"/>
                </a:cxn>
                <a:cxn ang="0">
                  <a:pos x="T118" y="T119"/>
                </a:cxn>
                <a:cxn ang="0">
                  <a:pos x="T120" y="T121"/>
                </a:cxn>
                <a:cxn ang="0">
                  <a:pos x="T122" y="T123"/>
                </a:cxn>
                <a:cxn ang="0">
                  <a:pos x="T124" y="T125"/>
                </a:cxn>
              </a:cxnLst>
              <a:rect l="0" t="0" r="r" b="b"/>
              <a:pathLst>
                <a:path w="1022" h="615">
                  <a:moveTo>
                    <a:pt x="911" y="426"/>
                  </a:moveTo>
                  <a:lnTo>
                    <a:pt x="890" y="421"/>
                  </a:lnTo>
                  <a:lnTo>
                    <a:pt x="870" y="415"/>
                  </a:lnTo>
                  <a:lnTo>
                    <a:pt x="850" y="410"/>
                  </a:lnTo>
                  <a:lnTo>
                    <a:pt x="832" y="403"/>
                  </a:lnTo>
                  <a:lnTo>
                    <a:pt x="813" y="395"/>
                  </a:lnTo>
                  <a:lnTo>
                    <a:pt x="794" y="388"/>
                  </a:lnTo>
                  <a:lnTo>
                    <a:pt x="774" y="380"/>
                  </a:lnTo>
                  <a:lnTo>
                    <a:pt x="754" y="373"/>
                  </a:lnTo>
                  <a:lnTo>
                    <a:pt x="742" y="366"/>
                  </a:lnTo>
                  <a:lnTo>
                    <a:pt x="721" y="353"/>
                  </a:lnTo>
                  <a:lnTo>
                    <a:pt x="698" y="336"/>
                  </a:lnTo>
                  <a:lnTo>
                    <a:pt x="674" y="316"/>
                  </a:lnTo>
                  <a:lnTo>
                    <a:pt x="653" y="295"/>
                  </a:lnTo>
                  <a:lnTo>
                    <a:pt x="638" y="276"/>
                  </a:lnTo>
                  <a:lnTo>
                    <a:pt x="632" y="260"/>
                  </a:lnTo>
                  <a:lnTo>
                    <a:pt x="640" y="249"/>
                  </a:lnTo>
                  <a:lnTo>
                    <a:pt x="652" y="245"/>
                  </a:lnTo>
                  <a:lnTo>
                    <a:pt x="664" y="244"/>
                  </a:lnTo>
                  <a:lnTo>
                    <a:pt x="676" y="244"/>
                  </a:lnTo>
                  <a:lnTo>
                    <a:pt x="689" y="245"/>
                  </a:lnTo>
                  <a:lnTo>
                    <a:pt x="703" y="249"/>
                  </a:lnTo>
                  <a:lnTo>
                    <a:pt x="716" y="254"/>
                  </a:lnTo>
                  <a:lnTo>
                    <a:pt x="731" y="261"/>
                  </a:lnTo>
                  <a:lnTo>
                    <a:pt x="745" y="268"/>
                  </a:lnTo>
                  <a:lnTo>
                    <a:pt x="759" y="276"/>
                  </a:lnTo>
                  <a:lnTo>
                    <a:pt x="773" y="284"/>
                  </a:lnTo>
                  <a:lnTo>
                    <a:pt x="786" y="293"/>
                  </a:lnTo>
                  <a:lnTo>
                    <a:pt x="798" y="302"/>
                  </a:lnTo>
                  <a:lnTo>
                    <a:pt x="810" y="310"/>
                  </a:lnTo>
                  <a:lnTo>
                    <a:pt x="820" y="319"/>
                  </a:lnTo>
                  <a:lnTo>
                    <a:pt x="830" y="325"/>
                  </a:lnTo>
                  <a:lnTo>
                    <a:pt x="839" y="332"/>
                  </a:lnTo>
                  <a:lnTo>
                    <a:pt x="850" y="342"/>
                  </a:lnTo>
                  <a:lnTo>
                    <a:pt x="864" y="353"/>
                  </a:lnTo>
                  <a:lnTo>
                    <a:pt x="879" y="366"/>
                  </a:lnTo>
                  <a:lnTo>
                    <a:pt x="896" y="380"/>
                  </a:lnTo>
                  <a:lnTo>
                    <a:pt x="912" y="396"/>
                  </a:lnTo>
                  <a:lnTo>
                    <a:pt x="930" y="413"/>
                  </a:lnTo>
                  <a:lnTo>
                    <a:pt x="946" y="430"/>
                  </a:lnTo>
                  <a:lnTo>
                    <a:pt x="962" y="449"/>
                  </a:lnTo>
                  <a:lnTo>
                    <a:pt x="976" y="466"/>
                  </a:lnTo>
                  <a:lnTo>
                    <a:pt x="988" y="485"/>
                  </a:lnTo>
                  <a:lnTo>
                    <a:pt x="999" y="503"/>
                  </a:lnTo>
                  <a:lnTo>
                    <a:pt x="1006" y="520"/>
                  </a:lnTo>
                  <a:lnTo>
                    <a:pt x="1009" y="536"/>
                  </a:lnTo>
                  <a:lnTo>
                    <a:pt x="1009" y="553"/>
                  </a:lnTo>
                  <a:lnTo>
                    <a:pt x="1004" y="566"/>
                  </a:lnTo>
                  <a:lnTo>
                    <a:pt x="995" y="579"/>
                  </a:lnTo>
                  <a:lnTo>
                    <a:pt x="984" y="587"/>
                  </a:lnTo>
                  <a:lnTo>
                    <a:pt x="970" y="593"/>
                  </a:lnTo>
                  <a:lnTo>
                    <a:pt x="954" y="595"/>
                  </a:lnTo>
                  <a:lnTo>
                    <a:pt x="938" y="596"/>
                  </a:lnTo>
                  <a:lnTo>
                    <a:pt x="920" y="596"/>
                  </a:lnTo>
                  <a:lnTo>
                    <a:pt x="903" y="594"/>
                  </a:lnTo>
                  <a:lnTo>
                    <a:pt x="888" y="592"/>
                  </a:lnTo>
                  <a:lnTo>
                    <a:pt x="875" y="589"/>
                  </a:lnTo>
                  <a:lnTo>
                    <a:pt x="854" y="585"/>
                  </a:lnTo>
                  <a:lnTo>
                    <a:pt x="832" y="580"/>
                  </a:lnTo>
                  <a:lnTo>
                    <a:pt x="810" y="576"/>
                  </a:lnTo>
                  <a:lnTo>
                    <a:pt x="789" y="572"/>
                  </a:lnTo>
                  <a:lnTo>
                    <a:pt x="767" y="569"/>
                  </a:lnTo>
                  <a:lnTo>
                    <a:pt x="746" y="564"/>
                  </a:lnTo>
                  <a:lnTo>
                    <a:pt x="726" y="559"/>
                  </a:lnTo>
                  <a:lnTo>
                    <a:pt x="705" y="555"/>
                  </a:lnTo>
                  <a:lnTo>
                    <a:pt x="683" y="549"/>
                  </a:lnTo>
                  <a:lnTo>
                    <a:pt x="661" y="543"/>
                  </a:lnTo>
                  <a:lnTo>
                    <a:pt x="640" y="538"/>
                  </a:lnTo>
                  <a:lnTo>
                    <a:pt x="619" y="532"/>
                  </a:lnTo>
                  <a:lnTo>
                    <a:pt x="598" y="525"/>
                  </a:lnTo>
                  <a:lnTo>
                    <a:pt x="577" y="518"/>
                  </a:lnTo>
                  <a:lnTo>
                    <a:pt x="556" y="510"/>
                  </a:lnTo>
                  <a:lnTo>
                    <a:pt x="536" y="502"/>
                  </a:lnTo>
                  <a:lnTo>
                    <a:pt x="516" y="494"/>
                  </a:lnTo>
                  <a:lnTo>
                    <a:pt x="495" y="486"/>
                  </a:lnTo>
                  <a:lnTo>
                    <a:pt x="476" y="476"/>
                  </a:lnTo>
                  <a:lnTo>
                    <a:pt x="455" y="467"/>
                  </a:lnTo>
                  <a:lnTo>
                    <a:pt x="435" y="458"/>
                  </a:lnTo>
                  <a:lnTo>
                    <a:pt x="416" y="448"/>
                  </a:lnTo>
                  <a:lnTo>
                    <a:pt x="395" y="437"/>
                  </a:lnTo>
                  <a:lnTo>
                    <a:pt x="376" y="427"/>
                  </a:lnTo>
                  <a:lnTo>
                    <a:pt x="355" y="415"/>
                  </a:lnTo>
                  <a:lnTo>
                    <a:pt x="334" y="404"/>
                  </a:lnTo>
                  <a:lnTo>
                    <a:pt x="313" y="392"/>
                  </a:lnTo>
                  <a:lnTo>
                    <a:pt x="293" y="380"/>
                  </a:lnTo>
                  <a:lnTo>
                    <a:pt x="272" y="367"/>
                  </a:lnTo>
                  <a:lnTo>
                    <a:pt x="251" y="354"/>
                  </a:lnTo>
                  <a:lnTo>
                    <a:pt x="230" y="340"/>
                  </a:lnTo>
                  <a:lnTo>
                    <a:pt x="211" y="327"/>
                  </a:lnTo>
                  <a:lnTo>
                    <a:pt x="191" y="313"/>
                  </a:lnTo>
                  <a:lnTo>
                    <a:pt x="172" y="299"/>
                  </a:lnTo>
                  <a:lnTo>
                    <a:pt x="153" y="283"/>
                  </a:lnTo>
                  <a:lnTo>
                    <a:pt x="135" y="268"/>
                  </a:lnTo>
                  <a:lnTo>
                    <a:pt x="116" y="252"/>
                  </a:lnTo>
                  <a:lnTo>
                    <a:pt x="99" y="234"/>
                  </a:lnTo>
                  <a:lnTo>
                    <a:pt x="83" y="217"/>
                  </a:lnTo>
                  <a:lnTo>
                    <a:pt x="67" y="200"/>
                  </a:lnTo>
                  <a:lnTo>
                    <a:pt x="52" y="181"/>
                  </a:lnTo>
                  <a:lnTo>
                    <a:pt x="37" y="159"/>
                  </a:lnTo>
                  <a:lnTo>
                    <a:pt x="24" y="136"/>
                  </a:lnTo>
                  <a:lnTo>
                    <a:pt x="14" y="112"/>
                  </a:lnTo>
                  <a:lnTo>
                    <a:pt x="9" y="88"/>
                  </a:lnTo>
                  <a:lnTo>
                    <a:pt x="11" y="66"/>
                  </a:lnTo>
                  <a:lnTo>
                    <a:pt x="22" y="46"/>
                  </a:lnTo>
                  <a:lnTo>
                    <a:pt x="43" y="30"/>
                  </a:lnTo>
                  <a:lnTo>
                    <a:pt x="54" y="26"/>
                  </a:lnTo>
                  <a:lnTo>
                    <a:pt x="66" y="23"/>
                  </a:lnTo>
                  <a:lnTo>
                    <a:pt x="78" y="21"/>
                  </a:lnTo>
                  <a:lnTo>
                    <a:pt x="92" y="21"/>
                  </a:lnTo>
                  <a:lnTo>
                    <a:pt x="105" y="21"/>
                  </a:lnTo>
                  <a:lnTo>
                    <a:pt x="119" y="21"/>
                  </a:lnTo>
                  <a:lnTo>
                    <a:pt x="131" y="22"/>
                  </a:lnTo>
                  <a:lnTo>
                    <a:pt x="143" y="23"/>
                  </a:lnTo>
                  <a:lnTo>
                    <a:pt x="158" y="25"/>
                  </a:lnTo>
                  <a:lnTo>
                    <a:pt x="173" y="27"/>
                  </a:lnTo>
                  <a:lnTo>
                    <a:pt x="188" y="28"/>
                  </a:lnTo>
                  <a:lnTo>
                    <a:pt x="203" y="30"/>
                  </a:lnTo>
                  <a:lnTo>
                    <a:pt x="218" y="34"/>
                  </a:lnTo>
                  <a:lnTo>
                    <a:pt x="233" y="36"/>
                  </a:lnTo>
                  <a:lnTo>
                    <a:pt x="248" y="40"/>
                  </a:lnTo>
                  <a:lnTo>
                    <a:pt x="263" y="43"/>
                  </a:lnTo>
                  <a:lnTo>
                    <a:pt x="278" y="46"/>
                  </a:lnTo>
                  <a:lnTo>
                    <a:pt x="293" y="51"/>
                  </a:lnTo>
                  <a:lnTo>
                    <a:pt x="308" y="56"/>
                  </a:lnTo>
                  <a:lnTo>
                    <a:pt x="323" y="60"/>
                  </a:lnTo>
                  <a:lnTo>
                    <a:pt x="336" y="65"/>
                  </a:lnTo>
                  <a:lnTo>
                    <a:pt x="351" y="71"/>
                  </a:lnTo>
                  <a:lnTo>
                    <a:pt x="365" y="75"/>
                  </a:lnTo>
                  <a:lnTo>
                    <a:pt x="379" y="81"/>
                  </a:lnTo>
                  <a:lnTo>
                    <a:pt x="379" y="79"/>
                  </a:lnTo>
                  <a:lnTo>
                    <a:pt x="378" y="74"/>
                  </a:lnTo>
                  <a:lnTo>
                    <a:pt x="376" y="68"/>
                  </a:lnTo>
                  <a:lnTo>
                    <a:pt x="372" y="65"/>
                  </a:lnTo>
                  <a:lnTo>
                    <a:pt x="355" y="57"/>
                  </a:lnTo>
                  <a:lnTo>
                    <a:pt x="336" y="50"/>
                  </a:lnTo>
                  <a:lnTo>
                    <a:pt x="318" y="43"/>
                  </a:lnTo>
                  <a:lnTo>
                    <a:pt x="300" y="36"/>
                  </a:lnTo>
                  <a:lnTo>
                    <a:pt x="280" y="30"/>
                  </a:lnTo>
                  <a:lnTo>
                    <a:pt x="262" y="25"/>
                  </a:lnTo>
                  <a:lnTo>
                    <a:pt x="242" y="19"/>
                  </a:lnTo>
                  <a:lnTo>
                    <a:pt x="222" y="14"/>
                  </a:lnTo>
                  <a:lnTo>
                    <a:pt x="202" y="11"/>
                  </a:lnTo>
                  <a:lnTo>
                    <a:pt x="182" y="7"/>
                  </a:lnTo>
                  <a:lnTo>
                    <a:pt x="163" y="4"/>
                  </a:lnTo>
                  <a:lnTo>
                    <a:pt x="143" y="3"/>
                  </a:lnTo>
                  <a:lnTo>
                    <a:pt x="122" y="2"/>
                  </a:lnTo>
                  <a:lnTo>
                    <a:pt x="103" y="0"/>
                  </a:lnTo>
                  <a:lnTo>
                    <a:pt x="84" y="2"/>
                  </a:lnTo>
                  <a:lnTo>
                    <a:pt x="65" y="3"/>
                  </a:lnTo>
                  <a:lnTo>
                    <a:pt x="32" y="11"/>
                  </a:lnTo>
                  <a:lnTo>
                    <a:pt x="12" y="26"/>
                  </a:lnTo>
                  <a:lnTo>
                    <a:pt x="2" y="46"/>
                  </a:lnTo>
                  <a:lnTo>
                    <a:pt x="0" y="72"/>
                  </a:lnTo>
                  <a:lnTo>
                    <a:pt x="5" y="98"/>
                  </a:lnTo>
                  <a:lnTo>
                    <a:pt x="14" y="126"/>
                  </a:lnTo>
                  <a:lnTo>
                    <a:pt x="27" y="151"/>
                  </a:lnTo>
                  <a:lnTo>
                    <a:pt x="39" y="174"/>
                  </a:lnTo>
                  <a:lnTo>
                    <a:pt x="54" y="196"/>
                  </a:lnTo>
                  <a:lnTo>
                    <a:pt x="72" y="218"/>
                  </a:lnTo>
                  <a:lnTo>
                    <a:pt x="90" y="239"/>
                  </a:lnTo>
                  <a:lnTo>
                    <a:pt x="108" y="259"/>
                  </a:lnTo>
                  <a:lnTo>
                    <a:pt x="129" y="278"/>
                  </a:lnTo>
                  <a:lnTo>
                    <a:pt x="150" y="297"/>
                  </a:lnTo>
                  <a:lnTo>
                    <a:pt x="172" y="314"/>
                  </a:lnTo>
                  <a:lnTo>
                    <a:pt x="195" y="331"/>
                  </a:lnTo>
                  <a:lnTo>
                    <a:pt x="218" y="347"/>
                  </a:lnTo>
                  <a:lnTo>
                    <a:pt x="241" y="362"/>
                  </a:lnTo>
                  <a:lnTo>
                    <a:pt x="265" y="377"/>
                  </a:lnTo>
                  <a:lnTo>
                    <a:pt x="289" y="392"/>
                  </a:lnTo>
                  <a:lnTo>
                    <a:pt x="313" y="406"/>
                  </a:lnTo>
                  <a:lnTo>
                    <a:pt x="336" y="420"/>
                  </a:lnTo>
                  <a:lnTo>
                    <a:pt x="361" y="434"/>
                  </a:lnTo>
                  <a:lnTo>
                    <a:pt x="384" y="446"/>
                  </a:lnTo>
                  <a:lnTo>
                    <a:pt x="412" y="461"/>
                  </a:lnTo>
                  <a:lnTo>
                    <a:pt x="441" y="476"/>
                  </a:lnTo>
                  <a:lnTo>
                    <a:pt x="470" y="491"/>
                  </a:lnTo>
                  <a:lnTo>
                    <a:pt x="500" y="505"/>
                  </a:lnTo>
                  <a:lnTo>
                    <a:pt x="529" y="518"/>
                  </a:lnTo>
                  <a:lnTo>
                    <a:pt x="559" y="531"/>
                  </a:lnTo>
                  <a:lnTo>
                    <a:pt x="590" y="542"/>
                  </a:lnTo>
                  <a:lnTo>
                    <a:pt x="620" y="554"/>
                  </a:lnTo>
                  <a:lnTo>
                    <a:pt x="651" y="564"/>
                  </a:lnTo>
                  <a:lnTo>
                    <a:pt x="682" y="573"/>
                  </a:lnTo>
                  <a:lnTo>
                    <a:pt x="713" y="583"/>
                  </a:lnTo>
                  <a:lnTo>
                    <a:pt x="744" y="589"/>
                  </a:lnTo>
                  <a:lnTo>
                    <a:pt x="776" y="596"/>
                  </a:lnTo>
                  <a:lnTo>
                    <a:pt x="807" y="602"/>
                  </a:lnTo>
                  <a:lnTo>
                    <a:pt x="840" y="607"/>
                  </a:lnTo>
                  <a:lnTo>
                    <a:pt x="872" y="610"/>
                  </a:lnTo>
                  <a:lnTo>
                    <a:pt x="890" y="612"/>
                  </a:lnTo>
                  <a:lnTo>
                    <a:pt x="910" y="614"/>
                  </a:lnTo>
                  <a:lnTo>
                    <a:pt x="931" y="615"/>
                  </a:lnTo>
                  <a:lnTo>
                    <a:pt x="950" y="614"/>
                  </a:lnTo>
                  <a:lnTo>
                    <a:pt x="970" y="611"/>
                  </a:lnTo>
                  <a:lnTo>
                    <a:pt x="988" y="604"/>
                  </a:lnTo>
                  <a:lnTo>
                    <a:pt x="1004" y="593"/>
                  </a:lnTo>
                  <a:lnTo>
                    <a:pt x="1017" y="577"/>
                  </a:lnTo>
                  <a:lnTo>
                    <a:pt x="1022" y="555"/>
                  </a:lnTo>
                  <a:lnTo>
                    <a:pt x="1018" y="531"/>
                  </a:lnTo>
                  <a:lnTo>
                    <a:pt x="1009" y="506"/>
                  </a:lnTo>
                  <a:lnTo>
                    <a:pt x="999" y="486"/>
                  </a:lnTo>
                  <a:lnTo>
                    <a:pt x="991" y="472"/>
                  </a:lnTo>
                  <a:lnTo>
                    <a:pt x="981" y="459"/>
                  </a:lnTo>
                  <a:lnTo>
                    <a:pt x="972" y="446"/>
                  </a:lnTo>
                  <a:lnTo>
                    <a:pt x="962" y="433"/>
                  </a:lnTo>
                  <a:lnTo>
                    <a:pt x="950" y="420"/>
                  </a:lnTo>
                  <a:lnTo>
                    <a:pt x="939" y="407"/>
                  </a:lnTo>
                  <a:lnTo>
                    <a:pt x="926" y="396"/>
                  </a:lnTo>
                  <a:lnTo>
                    <a:pt x="913" y="383"/>
                  </a:lnTo>
                  <a:lnTo>
                    <a:pt x="900" y="372"/>
                  </a:lnTo>
                  <a:lnTo>
                    <a:pt x="887" y="360"/>
                  </a:lnTo>
                  <a:lnTo>
                    <a:pt x="873" y="349"/>
                  </a:lnTo>
                  <a:lnTo>
                    <a:pt x="859" y="338"/>
                  </a:lnTo>
                  <a:lnTo>
                    <a:pt x="847" y="328"/>
                  </a:lnTo>
                  <a:lnTo>
                    <a:pt x="833" y="317"/>
                  </a:lnTo>
                  <a:lnTo>
                    <a:pt x="820" y="308"/>
                  </a:lnTo>
                  <a:lnTo>
                    <a:pt x="807" y="299"/>
                  </a:lnTo>
                  <a:lnTo>
                    <a:pt x="791" y="287"/>
                  </a:lnTo>
                  <a:lnTo>
                    <a:pt x="775" y="277"/>
                  </a:lnTo>
                  <a:lnTo>
                    <a:pt x="759" y="267"/>
                  </a:lnTo>
                  <a:lnTo>
                    <a:pt x="742" y="257"/>
                  </a:lnTo>
                  <a:lnTo>
                    <a:pt x="725" y="249"/>
                  </a:lnTo>
                  <a:lnTo>
                    <a:pt x="707" y="241"/>
                  </a:lnTo>
                  <a:lnTo>
                    <a:pt x="689" y="236"/>
                  </a:lnTo>
                  <a:lnTo>
                    <a:pt x="670" y="231"/>
                  </a:lnTo>
                  <a:lnTo>
                    <a:pt x="660" y="230"/>
                  </a:lnTo>
                  <a:lnTo>
                    <a:pt x="651" y="229"/>
                  </a:lnTo>
                  <a:lnTo>
                    <a:pt x="642" y="231"/>
                  </a:lnTo>
                  <a:lnTo>
                    <a:pt x="632" y="233"/>
                  </a:lnTo>
                  <a:lnTo>
                    <a:pt x="627" y="238"/>
                  </a:lnTo>
                  <a:lnTo>
                    <a:pt x="622" y="245"/>
                  </a:lnTo>
                  <a:lnTo>
                    <a:pt x="621" y="253"/>
                  </a:lnTo>
                  <a:lnTo>
                    <a:pt x="624" y="263"/>
                  </a:lnTo>
                  <a:lnTo>
                    <a:pt x="634" y="283"/>
                  </a:lnTo>
                  <a:lnTo>
                    <a:pt x="645" y="301"/>
                  </a:lnTo>
                  <a:lnTo>
                    <a:pt x="659" y="317"/>
                  </a:lnTo>
                  <a:lnTo>
                    <a:pt x="674" y="332"/>
                  </a:lnTo>
                  <a:lnTo>
                    <a:pt x="690" y="346"/>
                  </a:lnTo>
                  <a:lnTo>
                    <a:pt x="708" y="360"/>
                  </a:lnTo>
                  <a:lnTo>
                    <a:pt x="727" y="372"/>
                  </a:lnTo>
                  <a:lnTo>
                    <a:pt x="746" y="382"/>
                  </a:lnTo>
                  <a:lnTo>
                    <a:pt x="767" y="391"/>
                  </a:lnTo>
                  <a:lnTo>
                    <a:pt x="788" y="399"/>
                  </a:lnTo>
                  <a:lnTo>
                    <a:pt x="809" y="406"/>
                  </a:lnTo>
                  <a:lnTo>
                    <a:pt x="830" y="413"/>
                  </a:lnTo>
                  <a:lnTo>
                    <a:pt x="852" y="419"/>
                  </a:lnTo>
                  <a:lnTo>
                    <a:pt x="873" y="423"/>
                  </a:lnTo>
                  <a:lnTo>
                    <a:pt x="894" y="428"/>
                  </a:lnTo>
                  <a:lnTo>
                    <a:pt x="915" y="431"/>
                  </a:lnTo>
                  <a:lnTo>
                    <a:pt x="913" y="430"/>
                  </a:lnTo>
                  <a:lnTo>
                    <a:pt x="913" y="429"/>
                  </a:lnTo>
                  <a:lnTo>
                    <a:pt x="912" y="427"/>
                  </a:lnTo>
                  <a:lnTo>
                    <a:pt x="911" y="426"/>
                  </a:lnTo>
                  <a:lnTo>
                    <a:pt x="911" y="426"/>
                  </a:lnTo>
                  <a:close/>
                </a:path>
              </a:pathLst>
            </a:custGeom>
            <a:solidFill>
              <a:srgbClr val="0000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round/>
                  <a:headEnd/>
                  <a:tailEnd/>
                </a14:hiddenLine>
              </a:ext>
            </a:extLst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</a:bodyPr>
            <a:lstStyle/>
            <a:p>
              <a:endParaRPr lang="en-US"/>
            </a:p>
          </p:txBody>
        </p:sp>
      </p:grpSp>
    </p:spTree>
    <p:extLst>
      <p:ext uri="{BB962C8B-B14F-4D97-AF65-F5344CB8AC3E}">
        <p14:creationId xmlns:p14="http://schemas.microsoft.com/office/powerpoint/2010/main" val="1834070842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/>
          <p:cNvSpPr>
            <a:spLocks noGrp="1"/>
          </p:cNvSpPr>
          <p:nvPr>
            <p:ph type="title"/>
          </p:nvPr>
        </p:nvSpPr>
        <p:spPr>
          <a:xfrm>
            <a:off x="723900" y="707231"/>
            <a:ext cx="6096000" cy="1066800"/>
          </a:xfrm>
        </p:spPr>
        <p:txBody>
          <a:bodyPr/>
          <a:lstStyle/>
          <a:p>
            <a:r>
              <a:rPr lang="en-US" dirty="0" smtClean="0"/>
              <a:t>Did You Say Something?…</a:t>
            </a:r>
            <a:endParaRPr lang="en-US" sz="1900" b="0" dirty="0" smtClean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9150" y="1697831"/>
            <a:ext cx="6089002" cy="3124200"/>
          </a:xfrm>
          <a:prstGeom prst="rect">
            <a:avLst/>
          </a:prstGeom>
        </p:spPr>
      </p:pic>
      <p:sp>
        <p:nvSpPr>
          <p:cNvPr id="4" name="TextBox 3"/>
          <p:cNvSpPr txBox="1"/>
          <p:nvPr/>
        </p:nvSpPr>
        <p:spPr>
          <a:xfrm>
            <a:off x="742950" y="4822031"/>
            <a:ext cx="6165202" cy="2923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en-US" sz="1300" dirty="0">
                <a:latin typeface="Arial Narrow" panose="020B0606020202030204" pitchFamily="34" charset="0"/>
              </a:rPr>
              <a:t>Source: http://</a:t>
            </a:r>
            <a:r>
              <a:rPr lang="en-US" sz="1300" dirty="0" err="1">
                <a:latin typeface="Arial Narrow" panose="020B0606020202030204" pitchFamily="34" charset="0"/>
              </a:rPr>
              <a:t>www.statisticbrain.com</a:t>
            </a:r>
            <a:r>
              <a:rPr lang="en-US" sz="1300" dirty="0">
                <a:latin typeface="Arial Narrow" panose="020B0606020202030204" pitchFamily="34" charset="0"/>
              </a:rPr>
              <a:t>/attention-span-statistics/ </a:t>
            </a:r>
          </a:p>
        </p:txBody>
      </p:sp>
    </p:spTree>
    <p:extLst>
      <p:ext uri="{BB962C8B-B14F-4D97-AF65-F5344CB8AC3E}">
        <p14:creationId xmlns:p14="http://schemas.microsoft.com/office/powerpoint/2010/main" val="485025467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/>
          <p:cNvSpPr>
            <a:spLocks noGrp="1"/>
          </p:cNvSpPr>
          <p:nvPr>
            <p:ph type="title"/>
          </p:nvPr>
        </p:nvSpPr>
        <p:spPr>
          <a:xfrm>
            <a:off x="723900" y="707231"/>
            <a:ext cx="6096000" cy="1371600"/>
          </a:xfrm>
        </p:spPr>
        <p:txBody>
          <a:bodyPr/>
          <a:lstStyle/>
          <a:p>
            <a:r>
              <a:rPr lang="en-US" dirty="0" smtClean="0"/>
              <a:t>No Really, Did You Say Something</a:t>
            </a:r>
            <a:r>
              <a:rPr lang="en-US" dirty="0"/>
              <a:t>?</a:t>
            </a:r>
            <a:endParaRPr lang="en-US" sz="1900" b="0" dirty="0" smtClean="0"/>
          </a:p>
        </p:txBody>
      </p:sp>
      <p:pic>
        <p:nvPicPr>
          <p:cNvPr id="5" name="Picture 4" descr="Attention Spans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70075" y="2394021"/>
            <a:ext cx="3803650" cy="258041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707977797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/>
          <p:cNvSpPr>
            <a:spLocks noGrp="1"/>
          </p:cNvSpPr>
          <p:nvPr>
            <p:ph type="title"/>
          </p:nvPr>
        </p:nvSpPr>
        <p:spPr>
          <a:xfrm>
            <a:off x="419100" y="631032"/>
            <a:ext cx="6705600" cy="4572000"/>
          </a:xfrm>
        </p:spPr>
        <p:txBody>
          <a:bodyPr/>
          <a:lstStyle/>
          <a:p>
            <a:pPr algn="ctr"/>
            <a:r>
              <a:rPr lang="en-US" dirty="0" smtClean="0"/>
              <a:t>Meet the Ums</a:t>
            </a:r>
            <a:endParaRPr lang="en-US" sz="1900" b="0" dirty="0" smtClean="0"/>
          </a:p>
        </p:txBody>
      </p:sp>
    </p:spTree>
    <p:extLst>
      <p:ext uri="{BB962C8B-B14F-4D97-AF65-F5344CB8AC3E}">
        <p14:creationId xmlns:p14="http://schemas.microsoft.com/office/powerpoint/2010/main" val="4225602109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/>
          <p:cNvSpPr>
            <a:spLocks noGrp="1"/>
          </p:cNvSpPr>
          <p:nvPr>
            <p:ph type="title"/>
          </p:nvPr>
        </p:nvSpPr>
        <p:spPr>
          <a:xfrm>
            <a:off x="419100" y="631032"/>
            <a:ext cx="6705600" cy="4572000"/>
          </a:xfrm>
        </p:spPr>
        <p:txBody>
          <a:bodyPr/>
          <a:lstStyle/>
          <a:p>
            <a:pPr algn="ctr"/>
            <a:r>
              <a:rPr lang="en-US" dirty="0" smtClean="0"/>
              <a:t>Tell Um…</a:t>
            </a:r>
            <a:endParaRPr lang="en-US" sz="1900" b="0" dirty="0" smtClean="0"/>
          </a:p>
        </p:txBody>
      </p:sp>
    </p:spTree>
    <p:extLst>
      <p:ext uri="{BB962C8B-B14F-4D97-AF65-F5344CB8AC3E}">
        <p14:creationId xmlns:p14="http://schemas.microsoft.com/office/powerpoint/2010/main" val="2983220700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/>
          <p:cNvSpPr>
            <a:spLocks noGrp="1"/>
          </p:cNvSpPr>
          <p:nvPr>
            <p:ph type="title"/>
          </p:nvPr>
        </p:nvSpPr>
        <p:spPr>
          <a:xfrm>
            <a:off x="419100" y="631032"/>
            <a:ext cx="6705600" cy="4572000"/>
          </a:xfrm>
        </p:spPr>
        <p:txBody>
          <a:bodyPr/>
          <a:lstStyle/>
          <a:p>
            <a:pPr algn="ctr"/>
            <a:r>
              <a:rPr lang="en-US" dirty="0" smtClean="0"/>
              <a:t>Teach Um…</a:t>
            </a:r>
            <a:endParaRPr lang="en-US" sz="1900" b="0" dirty="0" smtClean="0"/>
          </a:p>
        </p:txBody>
      </p:sp>
    </p:spTree>
    <p:extLst>
      <p:ext uri="{BB962C8B-B14F-4D97-AF65-F5344CB8AC3E}">
        <p14:creationId xmlns:p14="http://schemas.microsoft.com/office/powerpoint/2010/main" val="4243576285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/>
          <p:cNvSpPr>
            <a:spLocks noGrp="1"/>
          </p:cNvSpPr>
          <p:nvPr>
            <p:ph type="title"/>
          </p:nvPr>
        </p:nvSpPr>
        <p:spPr>
          <a:xfrm>
            <a:off x="419100" y="631032"/>
            <a:ext cx="6705600" cy="4572000"/>
          </a:xfrm>
        </p:spPr>
        <p:txBody>
          <a:bodyPr/>
          <a:lstStyle/>
          <a:p>
            <a:pPr algn="ctr"/>
            <a:r>
              <a:rPr lang="en-US" dirty="0" smtClean="0"/>
              <a:t>Tell Um What You</a:t>
            </a:r>
            <a:br>
              <a:rPr lang="en-US" dirty="0" smtClean="0"/>
            </a:br>
            <a:r>
              <a:rPr lang="en-US" dirty="0" smtClean="0"/>
              <a:t>Taught Um…</a:t>
            </a:r>
            <a:endParaRPr lang="en-US" sz="1900" b="0" dirty="0" smtClean="0"/>
          </a:p>
        </p:txBody>
      </p:sp>
    </p:spTree>
    <p:extLst>
      <p:ext uri="{BB962C8B-B14F-4D97-AF65-F5344CB8AC3E}">
        <p14:creationId xmlns:p14="http://schemas.microsoft.com/office/powerpoint/2010/main" val="3071531270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/>
          <p:cNvSpPr>
            <a:spLocks noGrp="1"/>
          </p:cNvSpPr>
          <p:nvPr>
            <p:ph type="title"/>
          </p:nvPr>
        </p:nvSpPr>
        <p:spPr>
          <a:xfrm>
            <a:off x="419100" y="631032"/>
            <a:ext cx="6705600" cy="4572000"/>
          </a:xfrm>
        </p:spPr>
        <p:txBody>
          <a:bodyPr/>
          <a:lstStyle/>
          <a:p>
            <a:pPr algn="ctr"/>
            <a:r>
              <a:rPr lang="en-US" dirty="0" smtClean="0"/>
              <a:t>Engage Um…</a:t>
            </a:r>
            <a:endParaRPr lang="en-US" sz="1900" b="0" dirty="0" smtClean="0"/>
          </a:p>
        </p:txBody>
      </p:sp>
    </p:spTree>
    <p:extLst>
      <p:ext uri="{BB962C8B-B14F-4D97-AF65-F5344CB8AC3E}">
        <p14:creationId xmlns:p14="http://schemas.microsoft.com/office/powerpoint/2010/main" val="1358956057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1"/>
          <p:cNvSpPr>
            <a:spLocks noGrp="1"/>
          </p:cNvSpPr>
          <p:nvPr>
            <p:ph type="title"/>
          </p:nvPr>
        </p:nvSpPr>
        <p:spPr>
          <a:xfrm>
            <a:off x="419100" y="631032"/>
            <a:ext cx="6705600" cy="4572000"/>
          </a:xfrm>
        </p:spPr>
        <p:txBody>
          <a:bodyPr/>
          <a:lstStyle/>
          <a:p>
            <a:pPr algn="ctr"/>
            <a:r>
              <a:rPr lang="en-US" dirty="0" smtClean="0"/>
              <a:t>Quiz Um…</a:t>
            </a:r>
            <a:endParaRPr lang="en-US" sz="1900" b="0" dirty="0" smtClean="0"/>
          </a:p>
        </p:txBody>
      </p:sp>
    </p:spTree>
    <p:extLst>
      <p:ext uri="{BB962C8B-B14F-4D97-AF65-F5344CB8AC3E}">
        <p14:creationId xmlns:p14="http://schemas.microsoft.com/office/powerpoint/2010/main" val="2462813523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itle 1"/>
          <p:cNvSpPr>
            <a:spLocks noGrp="1"/>
          </p:cNvSpPr>
          <p:nvPr>
            <p:ph type="title"/>
          </p:nvPr>
        </p:nvSpPr>
        <p:spPr>
          <a:xfrm>
            <a:off x="1028699" y="1173162"/>
            <a:ext cx="5562601" cy="973137"/>
          </a:xfrm>
        </p:spPr>
        <p:txBody>
          <a:bodyPr/>
          <a:lstStyle/>
          <a:p>
            <a:r>
              <a:rPr lang="en-US" dirty="0" smtClean="0"/>
              <a:t>How Can You Engage?</a:t>
            </a:r>
          </a:p>
        </p:txBody>
      </p:sp>
      <p:sp>
        <p:nvSpPr>
          <p:cNvPr id="3075" name="Content Placeholder 2"/>
          <p:cNvSpPr>
            <a:spLocks noGrp="1"/>
          </p:cNvSpPr>
          <p:nvPr>
            <p:ph idx="1"/>
          </p:nvPr>
        </p:nvSpPr>
        <p:spPr>
          <a:xfrm>
            <a:off x="1028699" y="2146299"/>
            <a:ext cx="5562601" cy="2904332"/>
          </a:xfrm>
        </p:spPr>
        <p:txBody>
          <a:bodyPr/>
          <a:lstStyle/>
          <a:p>
            <a:r>
              <a:rPr lang="en-US" dirty="0" smtClean="0"/>
              <a:t>Clickable Areas (Captivate, Storyline, Camtasia)</a:t>
            </a:r>
          </a:p>
          <a:p>
            <a:r>
              <a:rPr lang="en-US" dirty="0" smtClean="0"/>
              <a:t>Action Verbiage (Captivate, Storyline, Camtasia)</a:t>
            </a:r>
          </a:p>
          <a:p>
            <a:r>
              <a:rPr lang="en-US" dirty="0" smtClean="0"/>
              <a:t>Variables (Captivate, Storyline)</a:t>
            </a:r>
          </a:p>
          <a:p>
            <a:r>
              <a:rPr lang="en-US" dirty="0" smtClean="0"/>
              <a:t>Interactions (Captivate)</a:t>
            </a:r>
          </a:p>
          <a:p>
            <a:r>
              <a:rPr lang="en-US" dirty="0"/>
              <a:t>Quizzes (Captivate, Storyline, Camtasia</a:t>
            </a:r>
            <a:r>
              <a:rPr lang="en-US" dirty="0" smtClean="0"/>
              <a:t>)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973987377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Overview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Top Development Tools</a:t>
            </a:r>
          </a:p>
          <a:p>
            <a:r>
              <a:rPr lang="en-US" dirty="0" smtClean="0"/>
              <a:t>The Hardware</a:t>
            </a:r>
          </a:p>
          <a:p>
            <a:r>
              <a:rPr lang="en-US" dirty="0" smtClean="0"/>
              <a:t>Your time</a:t>
            </a:r>
          </a:p>
          <a:p>
            <a:r>
              <a:rPr lang="en-US" dirty="0" smtClean="0"/>
              <a:t>Learner time</a:t>
            </a:r>
          </a:p>
          <a:p>
            <a:r>
              <a:rPr lang="en-US" dirty="0" smtClean="0"/>
              <a:t>Engagement and Retention</a:t>
            </a:r>
          </a:p>
          <a:p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1887493972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itle 1"/>
          <p:cNvSpPr>
            <a:spLocks noGrp="1"/>
          </p:cNvSpPr>
          <p:nvPr>
            <p:ph type="title"/>
          </p:nvPr>
        </p:nvSpPr>
        <p:spPr>
          <a:xfrm>
            <a:off x="1028699" y="1029494"/>
            <a:ext cx="5562601" cy="973137"/>
          </a:xfrm>
        </p:spPr>
        <p:txBody>
          <a:bodyPr/>
          <a:lstStyle/>
          <a:p>
            <a:r>
              <a:rPr lang="en-US" dirty="0" smtClean="0"/>
              <a:t>When It Comes to</a:t>
            </a:r>
            <a:br>
              <a:rPr lang="en-US" dirty="0" smtClean="0"/>
            </a:br>
            <a:r>
              <a:rPr lang="en-US" dirty="0" smtClean="0"/>
              <a:t>Das Quiz</a:t>
            </a:r>
          </a:p>
        </p:txBody>
      </p:sp>
      <p:sp>
        <p:nvSpPr>
          <p:cNvPr id="3075" name="Content Placeholder 2"/>
          <p:cNvSpPr>
            <a:spLocks noGrp="1"/>
          </p:cNvSpPr>
          <p:nvPr>
            <p:ph idx="1"/>
          </p:nvPr>
        </p:nvSpPr>
        <p:spPr>
          <a:xfrm>
            <a:off x="1333499" y="2451099"/>
            <a:ext cx="5562601" cy="2523332"/>
          </a:xfrm>
        </p:spPr>
        <p:txBody>
          <a:bodyPr/>
          <a:lstStyle/>
          <a:p>
            <a:r>
              <a:rPr lang="en-US" dirty="0" smtClean="0"/>
              <a:t>Stick with Multiple Choice and True/False</a:t>
            </a:r>
          </a:p>
          <a:p>
            <a:pPr lvl="1"/>
            <a:r>
              <a:rPr lang="en-US" dirty="0" smtClean="0"/>
              <a:t>Think Compliance &amp; HTML5</a:t>
            </a:r>
          </a:p>
          <a:p>
            <a:r>
              <a:rPr lang="en-US" dirty="0" smtClean="0"/>
              <a:t>No more than 5-10 Questions per 5-minute eLearning lesson</a:t>
            </a:r>
          </a:p>
          <a:p>
            <a:r>
              <a:rPr lang="en-US" dirty="0" smtClean="0"/>
              <a:t>Don’t be mean!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644396309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 descr="eLearning and PowerPoint: Before a redesig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28800" y="1453229"/>
            <a:ext cx="3886200" cy="292760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975015680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2" descr="eLearning and PowerPoint: Before a redesig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28800" y="1453229"/>
            <a:ext cx="3886200" cy="292760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 bwMode="auto">
          <a:xfrm>
            <a:off x="1066800" y="710239"/>
            <a:ext cx="5410200" cy="4413584"/>
          </a:xfrm>
          <a:prstGeom prst="rect">
            <a:avLst/>
          </a:prstGeom>
          <a:blipFill dpi="0" rotWithShape="1">
            <a:blip r:embed="rId3">
              <a:alphaModFix amt="40000"/>
              <a:extLst>
                <a:ext uri="{BEBA8EAE-BF5A-486C-A8C5-ECC9F3942E4B}">
                  <a14:imgProps xmlns:a14="http://schemas.microsoft.com/office/drawing/2010/main">
                    <a14:imgLayer r:embed="rId4">
                      <a14:imgEffect>
                        <a14:colorTemperature colorTemp="6125"/>
                      </a14:imgEffect>
                      <a14:imgEffect>
                        <a14:saturation sat="105000"/>
                      </a14:imgEffect>
                    </a14:imgLayer>
                  </a14:imgProps>
                </a:ext>
              </a:extLst>
            </a:blip>
            <a:srcRect/>
            <a:stretch>
              <a:fillRect/>
            </a:stretch>
          </a:blip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</a:bodyPr>
          <a:lstStyle/>
          <a:p>
            <a:pPr marL="0" marR="0" indent="0" algn="l" defTabSz="765175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5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208693824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 descr="eLearning and PowerPoint: Redesigned slide 1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66850" y="1180560"/>
            <a:ext cx="4610100" cy="347294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087257921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122" name="Picture 2" descr="eLearning and PowerPoint: Another slide before a redesign.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66850" y="1180560"/>
            <a:ext cx="4610100" cy="347294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403861421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2" descr="eLearning and PowerPoint: Redesigned slide 4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05688" y="1180560"/>
            <a:ext cx="5132424" cy="347294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025066371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28699" y="1562894"/>
            <a:ext cx="5562601" cy="973137"/>
          </a:xfrm>
        </p:spPr>
        <p:txBody>
          <a:bodyPr/>
          <a:lstStyle/>
          <a:p>
            <a:r>
              <a:rPr lang="en-US" dirty="0" smtClean="0"/>
              <a:t>How Long?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28699" y="2688431"/>
            <a:ext cx="5562601" cy="2514600"/>
          </a:xfrm>
        </p:spPr>
        <p:txBody>
          <a:bodyPr/>
          <a:lstStyle/>
          <a:p>
            <a:pPr marL="0" indent="0">
              <a:buNone/>
            </a:pPr>
            <a:r>
              <a:rPr lang="en-US" dirty="0" smtClean="0"/>
              <a:t>As a general rule, you should budget </a:t>
            </a:r>
            <a:r>
              <a:rPr lang="en-US" dirty="0" smtClean="0"/>
              <a:t>two </a:t>
            </a:r>
            <a:r>
              <a:rPr lang="en-US" dirty="0" smtClean="0"/>
              <a:t>hours of development for each </a:t>
            </a:r>
            <a:r>
              <a:rPr lang="en-US" dirty="0" smtClean="0"/>
              <a:t>minute of </a:t>
            </a:r>
            <a:r>
              <a:rPr lang="en-US" dirty="0" smtClean="0"/>
              <a:t>eLearning play time</a:t>
            </a:r>
            <a:r>
              <a:rPr lang="en-US" dirty="0" smtClean="0"/>
              <a:t>.</a:t>
            </a:r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2586046529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/>
        </p:nvSpPr>
        <p:spPr bwMode="auto">
          <a:xfrm>
            <a:off x="1066800" y="710239"/>
            <a:ext cx="5410200" cy="4413584"/>
          </a:xfrm>
          <a:prstGeom prst="rect">
            <a:avLst/>
          </a:prstGeom>
          <a:blipFill dpi="0" rotWithShape="1">
            <a:blip r:embed="rId2">
              <a:alphaModFix amt="40000"/>
              <a:extLst>
                <a:ext uri="{BEBA8EAE-BF5A-486C-A8C5-ECC9F3942E4B}">
                  <a14:imgProps xmlns:a14="http://schemas.microsoft.com/office/drawing/2010/main">
                    <a14:imgLayer r:embed="rId3">
                      <a14:imgEffect>
                        <a14:colorTemperature colorTemp="6125"/>
                      </a14:imgEffect>
                      <a14:imgEffect>
                        <a14:saturation sat="105000"/>
                      </a14:imgEffect>
                    </a14:imgLayer>
                  </a14:imgProps>
                </a:ext>
              </a:extLst>
            </a:blip>
            <a:srcRect/>
            <a:stretch>
              <a:fillRect/>
            </a:stretch>
          </a:blipFill>
          <a:ln w="9525" cap="flat" cmpd="sng" algn="ctr">
            <a:noFill/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</a:bodyPr>
          <a:lstStyle/>
          <a:p>
            <a:pPr marL="0" marR="0" indent="0" algn="l" defTabSz="765175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US" sz="1500" b="0" i="0" u="none" strike="noStrike" cap="none" normalizeH="0" baseline="0" smtClean="0">
              <a:ln>
                <a:noFill/>
              </a:ln>
              <a:solidFill>
                <a:schemeClr val="tx1"/>
              </a:solidFill>
              <a:effectLst/>
              <a:latin typeface="Arial" charset="0"/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28699" y="1562894"/>
            <a:ext cx="5562601" cy="973137"/>
          </a:xfrm>
        </p:spPr>
        <p:txBody>
          <a:bodyPr/>
          <a:lstStyle/>
          <a:p>
            <a:r>
              <a:rPr lang="en-US" dirty="0" smtClean="0"/>
              <a:t>Does Not Include…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28699" y="2688431"/>
            <a:ext cx="5562601" cy="2514600"/>
          </a:xfrm>
        </p:spPr>
        <p:txBody>
          <a:bodyPr/>
          <a:lstStyle/>
          <a:p>
            <a:pPr marL="0" indent="0" algn="just">
              <a:buNone/>
            </a:pPr>
            <a:r>
              <a:rPr lang="en-US" dirty="0" smtClean="0"/>
              <a:t>Graphic Design | Script Writing | Rehearsals | Voiceover Scripts | Audio Recording | Audio Editing | Writing Question Slides | 508 Compliance | Managing the Course (learner access/success/</a:t>
            </a:r>
            <a:r>
              <a:rPr lang="en-US" dirty="0" err="1" smtClean="0"/>
              <a:t>etc</a:t>
            </a:r>
            <a:r>
              <a:rPr lang="en-US" dirty="0" smtClean="0"/>
              <a:t>)</a:t>
            </a:r>
          </a:p>
          <a:p>
            <a:pPr marL="0" indent="0">
              <a:buNone/>
            </a:pP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99084044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 descr="ELearningEstimator">
            <a:hlinkClick r:id="rId2"/>
          </p:cNvPr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73670" y="1196916"/>
            <a:ext cx="4396460" cy="344023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" name="Rectangle 6"/>
          <p:cNvSpPr/>
          <p:nvPr/>
        </p:nvSpPr>
        <p:spPr>
          <a:xfrm>
            <a:off x="1573670" y="4738687"/>
            <a:ext cx="4396460" cy="2308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900" dirty="0"/>
              <a:t>http://</a:t>
            </a:r>
            <a:r>
              <a:rPr lang="en-US" sz="900" dirty="0" err="1"/>
              <a:t>www.iconlogic.com</a:t>
            </a:r>
            <a:r>
              <a:rPr lang="en-US" sz="900" dirty="0"/>
              <a:t>/captivate-</a:t>
            </a:r>
            <a:r>
              <a:rPr lang="en-US" sz="900" dirty="0" err="1"/>
              <a:t>elearning</a:t>
            </a:r>
            <a:r>
              <a:rPr lang="en-US" sz="900" dirty="0"/>
              <a:t>-calculator-</a:t>
            </a:r>
            <a:r>
              <a:rPr lang="en-US" sz="900" dirty="0" err="1"/>
              <a:t>download.html</a:t>
            </a:r>
            <a:endParaRPr lang="en-US" sz="900" dirty="0"/>
          </a:p>
        </p:txBody>
      </p:sp>
    </p:spTree>
    <p:extLst>
      <p:ext uri="{BB962C8B-B14F-4D97-AF65-F5344CB8AC3E}">
        <p14:creationId xmlns:p14="http://schemas.microsoft.com/office/powerpoint/2010/main" val="1518383739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itle 1"/>
          <p:cNvSpPr>
            <a:spLocks noGrp="1"/>
          </p:cNvSpPr>
          <p:nvPr>
            <p:ph type="title"/>
          </p:nvPr>
        </p:nvSpPr>
        <p:spPr>
          <a:xfrm>
            <a:off x="1028699" y="1173162"/>
            <a:ext cx="5562601" cy="973137"/>
          </a:xfrm>
        </p:spPr>
        <p:txBody>
          <a:bodyPr/>
          <a:lstStyle/>
          <a:p>
            <a:r>
              <a:rPr lang="en-US" dirty="0" smtClean="0"/>
              <a:t>Samples of eLearning</a:t>
            </a:r>
          </a:p>
        </p:txBody>
      </p:sp>
      <p:sp>
        <p:nvSpPr>
          <p:cNvPr id="3075" name="Content Placeholder 2"/>
          <p:cNvSpPr>
            <a:spLocks noGrp="1"/>
          </p:cNvSpPr>
          <p:nvPr>
            <p:ph idx="1"/>
          </p:nvPr>
        </p:nvSpPr>
        <p:spPr>
          <a:xfrm>
            <a:off x="1028699" y="2231231"/>
            <a:ext cx="5562601" cy="2590800"/>
          </a:xfrm>
        </p:spPr>
        <p:txBody>
          <a:bodyPr/>
          <a:lstStyle/>
          <a:p>
            <a:r>
              <a:rPr lang="en-US" dirty="0" smtClean="0"/>
              <a:t>Software Demonstration</a:t>
            </a:r>
          </a:p>
          <a:p>
            <a:r>
              <a:rPr lang="en-US" dirty="0" smtClean="0"/>
              <a:t>Software Simulation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45396838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op Development Tool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28699" y="1841499"/>
            <a:ext cx="5562601" cy="3590132"/>
          </a:xfrm>
        </p:spPr>
        <p:txBody>
          <a:bodyPr/>
          <a:lstStyle/>
          <a:p>
            <a:r>
              <a:rPr lang="en-US" dirty="0" smtClean="0"/>
              <a:t>Adobe Captivate</a:t>
            </a:r>
          </a:p>
          <a:p>
            <a:r>
              <a:rPr lang="en-US" dirty="0" smtClean="0"/>
              <a:t>Articulate Storyline</a:t>
            </a:r>
          </a:p>
          <a:p>
            <a:r>
              <a:rPr lang="en-US" dirty="0" smtClean="0"/>
              <a:t>TechSmith Camtasia Studio</a:t>
            </a:r>
          </a:p>
          <a:p>
            <a:r>
              <a:rPr lang="en-US" dirty="0" smtClean="0"/>
              <a:t>Adobe Presenter</a:t>
            </a:r>
          </a:p>
          <a:p>
            <a:r>
              <a:rPr lang="en-US" dirty="0" smtClean="0"/>
              <a:t>Articulate Presenter</a:t>
            </a:r>
            <a:endParaRPr lang="en-US" dirty="0"/>
          </a:p>
        </p:txBody>
      </p:sp>
      <p:pic>
        <p:nvPicPr>
          <p:cNvPr id="7170" name="Picture 2" descr="http://www.iconlogic.com/media/catalog/category/Articulate_logo_cat_page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95825" y="2002631"/>
            <a:ext cx="581025" cy="5524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174" name="Picture 6" descr="http://www.iconlogic.com/media/catalog/category/camtasia8_logo_cat_page.pn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67250" y="2795587"/>
            <a:ext cx="581025" cy="5524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172" name="Picture 4" descr="http://www.iconlogic.com/media/catalog/category/presenter_9_cat_page_1.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29212" y="2402681"/>
            <a:ext cx="581025" cy="5524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176" name="Picture 8" descr="Adobe Captivate 7 Beginner Training: Accelerated One-Day Course!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41912" y="3145631"/>
            <a:ext cx="628650" cy="62865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752291211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ubtitle 3"/>
          <p:cNvSpPr>
            <a:spLocks noGrp="1"/>
          </p:cNvSpPr>
          <p:nvPr>
            <p:ph type="subTitle" idx="1"/>
          </p:nvPr>
        </p:nvSpPr>
        <p:spPr>
          <a:xfrm>
            <a:off x="32124" y="3907631"/>
            <a:ext cx="6795719" cy="762000"/>
          </a:xfrm>
        </p:spPr>
        <p:txBody>
          <a:bodyPr/>
          <a:lstStyle/>
          <a:p>
            <a:r>
              <a:rPr lang="en-US" dirty="0" smtClean="0"/>
              <a:t>Contact Me:</a:t>
            </a:r>
            <a:endParaRPr lang="en-US" dirty="0"/>
          </a:p>
        </p:txBody>
      </p:sp>
      <p:sp>
        <p:nvSpPr>
          <p:cNvPr id="16" name="Title 15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 smtClean="0"/>
              <a:t>Questions? Follow-Up?</a:t>
            </a:r>
            <a:endParaRPr lang="en-US" dirty="0"/>
          </a:p>
        </p:txBody>
      </p:sp>
      <p:sp>
        <p:nvSpPr>
          <p:cNvPr id="17" name="Text Placeholder 16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US" dirty="0" smtClean="0"/>
              <a:t>Kevin Siegel</a:t>
            </a:r>
            <a:endParaRPr lang="en-US" dirty="0"/>
          </a:p>
        </p:txBody>
      </p:sp>
      <p:sp>
        <p:nvSpPr>
          <p:cNvPr id="18" name="Text Placeholder 17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r>
              <a:rPr lang="en-US" dirty="0" smtClean="0"/>
              <a:t>ksiegel@iconlogic.com</a:t>
            </a:r>
            <a:endParaRPr lang="en-US" dirty="0"/>
          </a:p>
        </p:txBody>
      </p:sp>
      <p:sp>
        <p:nvSpPr>
          <p:cNvPr id="19" name="Text Placeholder 18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US" dirty="0" smtClean="0"/>
              <a:t>@</a:t>
            </a:r>
            <a:r>
              <a:rPr lang="en-US" dirty="0" err="1" smtClean="0"/>
              <a:t>kevin_siegel</a:t>
            </a:r>
            <a:endParaRPr lang="en-US" dirty="0"/>
          </a:p>
        </p:txBody>
      </p:sp>
      <p:pic>
        <p:nvPicPr>
          <p:cNvPr id="7" name="Picture 4" descr="https://encrypted-tbn1.gstatic.com/images?q=tbn:ANd9GcQXmE_nt6NofMHs7aVtWU_d0ivFyGFYy4SLCuCbb9rq1CoE8hY6"/>
          <p:cNvPicPr>
            <a:picLocks noChangeAspect="1" noChangeArrowheads="1"/>
          </p:cNvPicPr>
          <p:nvPr/>
        </p:nvPicPr>
        <p:blipFill>
          <a:blip r:embed="rId2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flipH="1">
            <a:off x="-1228725" y="4517231"/>
            <a:ext cx="2181225" cy="20955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91009128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e Hardwar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Any modern PC</a:t>
            </a:r>
          </a:p>
          <a:p>
            <a:r>
              <a:rPr lang="en-US" dirty="0" smtClean="0"/>
              <a:t>Any modern Mac</a:t>
            </a:r>
          </a:p>
          <a:p>
            <a:r>
              <a:rPr lang="en-US" dirty="0" smtClean="0"/>
              <a:t>Lots of memory</a:t>
            </a:r>
          </a:p>
          <a:p>
            <a:r>
              <a:rPr lang="en-US" dirty="0" smtClean="0"/>
              <a:t>Headset</a:t>
            </a:r>
          </a:p>
          <a:p>
            <a:r>
              <a:rPr lang="en-US" dirty="0" smtClean="0"/>
              <a:t>Web Server or LMS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216793433"/>
      </p:ext>
    </p:extLst>
  </p:cSld>
  <p:clrMapOvr>
    <a:masterClrMapping/>
  </p:clrMapOvr>
  <p:transition>
    <p:fade/>
  </p:transition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8" name="Picture 4" descr="https://encrypted-tbn1.gstatic.com/images?q=tbn:ANd9GcQXmE_nt6NofMHs7aVtWU_d0ivFyGFYy4SLCuCbb9rq1CoE8hY6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05100" y="1850231"/>
            <a:ext cx="2181225" cy="20955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999509662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8" name="Picture 4" descr="https://encrypted-tbn1.gstatic.com/images?q=tbn:ANd9GcQXmE_nt6NofMHs7aVtWU_d0ivFyGFYy4SLCuCbb9rq1CoE8hY6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76675" y="2459831"/>
            <a:ext cx="2181225" cy="20955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Title 1"/>
          <p:cNvSpPr>
            <a:spLocks noGrp="1"/>
          </p:cNvSpPr>
          <p:nvPr>
            <p:ph type="title"/>
          </p:nvPr>
        </p:nvSpPr>
        <p:spPr>
          <a:xfrm>
            <a:off x="1028700" y="1164431"/>
            <a:ext cx="3962400" cy="2343150"/>
          </a:xfrm>
        </p:spPr>
        <p:txBody>
          <a:bodyPr/>
          <a:lstStyle/>
          <a:p>
            <a:r>
              <a:rPr lang="en-US" dirty="0" smtClean="0"/>
              <a:t>What…</a:t>
            </a:r>
            <a:br>
              <a:rPr lang="en-US" dirty="0" smtClean="0"/>
            </a:br>
            <a:r>
              <a:rPr lang="en-US" sz="1900" b="0" dirty="0"/>
              <a:t>i</a:t>
            </a:r>
            <a:r>
              <a:rPr lang="en-US" sz="1900" b="0" dirty="0" smtClean="0"/>
              <a:t>s the attention span of </a:t>
            </a:r>
            <a:br>
              <a:rPr lang="en-US" sz="1900" b="0" dirty="0" smtClean="0"/>
            </a:br>
            <a:r>
              <a:rPr lang="en-US" sz="1900" b="0" dirty="0" smtClean="0"/>
              <a:t>a typical goldfish?</a:t>
            </a:r>
          </a:p>
        </p:txBody>
      </p:sp>
    </p:spTree>
    <p:extLst>
      <p:ext uri="{BB962C8B-B14F-4D97-AF65-F5344CB8AC3E}">
        <p14:creationId xmlns:p14="http://schemas.microsoft.com/office/powerpoint/2010/main" val="1460801342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 descr="http://1.bp.blogspot.com/-ZAj62H5fSws/T6Q2gAg0vNI/AAAAAAAAAd0/GvWntfPtxKI/s320/peacefully-asleep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71700" y="1774030"/>
            <a:ext cx="3048000" cy="22860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305975457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 descr="http://1.bp.blogspot.com/-ZAj62H5fSws/T6Q2gAg0vNI/AAAAAAAAAd0/GvWntfPtxKI/s320/peacefully-asleep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90900" y="2688430"/>
            <a:ext cx="3048000" cy="22860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Title 1"/>
          <p:cNvSpPr>
            <a:spLocks noGrp="1"/>
          </p:cNvSpPr>
          <p:nvPr>
            <p:ph type="title"/>
          </p:nvPr>
        </p:nvSpPr>
        <p:spPr>
          <a:xfrm>
            <a:off x="876300" y="631031"/>
            <a:ext cx="3505200" cy="2514599"/>
          </a:xfrm>
        </p:spPr>
        <p:txBody>
          <a:bodyPr/>
          <a:lstStyle/>
          <a:p>
            <a:r>
              <a:rPr lang="en-US" dirty="0" smtClean="0"/>
              <a:t>What…</a:t>
            </a:r>
            <a:br>
              <a:rPr lang="en-US" dirty="0" smtClean="0"/>
            </a:br>
            <a:r>
              <a:rPr lang="en-US" sz="1900" b="0" dirty="0"/>
              <a:t>i</a:t>
            </a:r>
            <a:r>
              <a:rPr lang="en-US" sz="1900" b="0" dirty="0" smtClean="0"/>
              <a:t>s the attention span of a typical person surfing the web?</a:t>
            </a:r>
          </a:p>
        </p:txBody>
      </p:sp>
    </p:spTree>
    <p:extLst>
      <p:ext uri="{BB962C8B-B14F-4D97-AF65-F5344CB8AC3E}">
        <p14:creationId xmlns:p14="http://schemas.microsoft.com/office/powerpoint/2010/main" val="3628222394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 descr="http://1.bp.blogspot.com/-ZAj62H5fSws/T6Q2gAg0vNI/AAAAAAAAAd0/GvWntfPtxKI/s320/peacefully-asleep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76700" y="2993231"/>
            <a:ext cx="2539999" cy="1905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Title 1"/>
          <p:cNvSpPr>
            <a:spLocks noGrp="1"/>
          </p:cNvSpPr>
          <p:nvPr>
            <p:ph type="title"/>
          </p:nvPr>
        </p:nvSpPr>
        <p:spPr>
          <a:xfrm>
            <a:off x="876300" y="859632"/>
            <a:ext cx="3505200" cy="2514599"/>
          </a:xfrm>
        </p:spPr>
        <p:txBody>
          <a:bodyPr/>
          <a:lstStyle/>
          <a:p>
            <a:r>
              <a:rPr lang="en-US" dirty="0" smtClean="0"/>
              <a:t>Once…</a:t>
            </a:r>
            <a:br>
              <a:rPr lang="en-US" dirty="0" smtClean="0"/>
            </a:br>
            <a:r>
              <a:rPr lang="en-US" sz="1900" b="0" dirty="0"/>
              <a:t>t</a:t>
            </a:r>
            <a:r>
              <a:rPr lang="en-US" sz="1900" b="0" dirty="0" smtClean="0"/>
              <a:t>he learner clicks the Play button to begin an individual lesson (module), how long should it take for the learner to able to complete the lesson?</a:t>
            </a:r>
          </a:p>
        </p:txBody>
      </p:sp>
    </p:spTree>
    <p:extLst>
      <p:ext uri="{BB962C8B-B14F-4D97-AF65-F5344CB8AC3E}">
        <p14:creationId xmlns:p14="http://schemas.microsoft.com/office/powerpoint/2010/main" val="1678517877"/>
      </p:ext>
    </p:extLst>
  </p:cSld>
  <p:clrMapOvr>
    <a:masterClrMapping/>
  </p:clrMapOvr>
  <p:transition advTm="15000">
    <p:fade/>
  </p:transition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09"/>
  <p:tag name="ISPRING_RESOURCE_PATHS_HASH_2" val="4b4e7431794f5dbbacb1e2c648c8c8ebe3299af"/>
  <p:tag name="MMPROD_UIDATA" val="&lt;database version=&quot;9.0&quot;&gt;&lt;object type=&quot;1&quot; unique_id=&quot;10001&quot;&gt;&lt;object type=&quot;8&quot; unique_id=&quot;10002&quot;&gt;&lt;/object&gt;&lt;object type=&quot;2&quot; unique_id=&quot;10003&quot;&gt;&lt;object type=&quot;3&quot; unique_id=&quot;10008&quot;&gt;&lt;property id=&quot;20148&quot; value=&quot;5&quot;/&gt;&lt;property id=&quot;20300&quot; value=&quot;Slide 1 - &amp;quot;Designing Effective&amp;quot;&quot;/&gt;&lt;property id=&quot;20307&quot; value=&quot;262&quot;/&gt;&lt;/object&gt;&lt;object type=&quot;3&quot; unique_id=&quot;10277&quot;&gt;&lt;property id=&quot;20148&quot; value=&quot;5&quot;/&gt;&lt;property id=&quot;20300&quot; value=&quot;Slide 5&quot;/&gt;&lt;property id=&quot;20307&quot; value=&quot;263&quot;/&gt;&lt;/object&gt;&lt;object type=&quot;3&quot; unique_id=&quot;10323&quot;&gt;&lt;property id=&quot;20148&quot; value=&quot;5&quot;/&gt;&lt;property id=&quot;20300&quot; value=&quot;Slide 7&quot;/&gt;&lt;property id=&quot;20307&quot; value=&quot;264&quot;/&gt;&lt;/object&gt;&lt;object type=&quot;3&quot; unique_id=&quot;10378&quot;&gt;&lt;property id=&quot;20148&quot; value=&quot;5&quot;/&gt;&lt;property id=&quot;20300&quot; value=&quot;Slide 6 - &amp;quot;What… is the attention span of  a typical goldfish?&amp;quot;&quot;/&gt;&lt;property id=&quot;20307&quot; value=&quot;265&quot;/&gt;&lt;/object&gt;&lt;object type=&quot;3&quot; unique_id=&quot;10414&quot;&gt;&lt;property id=&quot;20148&quot; value=&quot;5&quot;/&gt;&lt;property id=&quot;20300&quot; value=&quot;Slide 8 - &amp;quot;What… is the attention span of a typical person surfing the web?&amp;quot;&quot;/&gt;&lt;property id=&quot;20307&quot; value=&quot;266&quot;/&gt;&lt;/object&gt;&lt;object type=&quot;3&quot; unique_id=&quot;10455&quot;&gt;&lt;property id=&quot;20148&quot; value=&quot;5&quot;/&gt;&lt;property id=&quot;20300&quot; value=&quot;Slide 30 - &amp;quot;Questions? Follow-Up?&amp;quot;&quot;/&gt;&lt;property id=&quot;20307&quot; value=&quot;267&quot;/&gt;&lt;/object&gt;&lt;object type=&quot;3&quot; unique_id=&quot;10519&quot;&gt;&lt;property id=&quot;20148&quot; value=&quot;5&quot;/&gt;&lt;property id=&quot;20300&quot; value=&quot;Slide 9 - &amp;quot;Once… the learner clicks the Play button to begin an individual lesson (module), how long should it take for the le&quot;/&gt;&lt;property id=&quot;20307&quot; value=&quot;268&quot;/&gt;&lt;/object&gt;&lt;object type=&quot;3&quot; unique_id=&quot;10600&quot;&gt;&lt;property id=&quot;20148&quot; value=&quot;5&quot;/&gt;&lt;property id=&quot;20300&quot; value=&quot;Slide 19 - &amp;quot;How Can You Engage?&amp;quot;&quot;/&gt;&lt;property id=&quot;20307&quot; value=&quot;269&quot;/&gt;&lt;/object&gt;&lt;object type=&quot;3&quot; unique_id=&quot;10681&quot;&gt;&lt;property id=&quot;20148&quot; value=&quot;5&quot;/&gt;&lt;property id=&quot;20300&quot; value=&quot;Slide 20 - &amp;quot;When It Comes to Das Quiz&amp;quot;&quot;/&gt;&lt;property id=&quot;20307&quot; value=&quot;270&quot;/&gt;&lt;/object&gt;&lt;object type=&quot;3&quot; unique_id=&quot;10803&quot;&gt;&lt;property id=&quot;20148&quot; value=&quot;5&quot;/&gt;&lt;property id=&quot;20300&quot; value=&quot;Slide 13 - &amp;quot;Meet the Ums&amp;quot;&quot;/&gt;&lt;property id=&quot;20307&quot; value=&quot;271&quot;/&gt;&lt;/object&gt;&lt;object type=&quot;3&quot; unique_id=&quot;10876&quot;&gt;&lt;property id=&quot;20148&quot; value=&quot;5&quot;/&gt;&lt;property id=&quot;20300&quot; value=&quot;Slide 14 - &amp;quot;Tell Um…&amp;quot;&quot;/&gt;&lt;property id=&quot;20307&quot; value=&quot;272&quot;/&gt;&lt;/object&gt;&lt;object type=&quot;3&quot; unique_id=&quot;10877&quot;&gt;&lt;property id=&quot;20148&quot; value=&quot;5&quot;/&gt;&lt;property id=&quot;20300&quot; value=&quot;Slide 15 - &amp;quot;Teach Um…&amp;quot;&quot;/&gt;&lt;property id=&quot;20307&quot; value=&quot;273&quot;/&gt;&lt;/object&gt;&lt;object type=&quot;3&quot; unique_id=&quot;10878&quot;&gt;&lt;property id=&quot;20148&quot; value=&quot;5&quot;/&gt;&lt;property id=&quot;20300&quot; value=&quot;Slide 16 - &amp;quot;Tell Um What You Taught Um…&amp;quot;&quot;/&gt;&lt;property id=&quot;20307&quot; value=&quot;274&quot;/&gt;&lt;/object&gt;&lt;object type=&quot;3&quot; unique_id=&quot;10879&quot;&gt;&lt;property id=&quot;20148&quot; value=&quot;5&quot;/&gt;&lt;property id=&quot;20300&quot; value=&quot;Slide 18 - &amp;quot;Quiz Um…&amp;quot;&quot;/&gt;&lt;property id=&quot;20307&quot; value=&quot;275&quot;/&gt;&lt;/object&gt;&lt;object type=&quot;3&quot; unique_id=&quot;10928&quot;&gt;&lt;property id=&quot;20148&quot; value=&quot;5&quot;/&gt;&lt;property id=&quot;20300&quot; value=&quot;Slide 17 - &amp;quot;Engage Um…&amp;quot;&quot;/&gt;&lt;property id=&quot;20307&quot; value=&quot;276&quot;/&gt;&lt;/object&gt;&lt;object type=&quot;3&quot; unique_id=&quot;11014&quot;&gt;&lt;property id=&quot;20148&quot; value=&quot;5&quot;/&gt;&lt;property id=&quot;20300&quot; value=&quot;Slide 11 - &amp;quot;Did You Say Something?…&amp;quot;&quot;/&gt;&lt;property id=&quot;20307&quot; value=&quot;277&quot;/&gt;&lt;/object&gt;&lt;object type=&quot;3&quot; unique_id=&quot;11069&quot;&gt;&lt;property id=&quot;20148&quot; value=&quot;5&quot;/&gt;&lt;property id=&quot;20300&quot; value=&quot;Slide 29 - &amp;quot;Samples of eLearning&amp;quot;&quot;/&gt;&lt;property id=&quot;20307&quot; value=&quot;278&quot;/&gt;&lt;/object&gt;&lt;object type=&quot;3&quot; unique_id=&quot;11184&quot;&gt;&lt;property id=&quot;20148&quot; value=&quot;5&quot;/&gt;&lt;property id=&quot;20300&quot; value=&quot;Slide 12 - &amp;quot;No Really, Did You Say Something?&amp;quot;&quot;/&gt;&lt;property id=&quot;20307&quot; value=&quot;279&quot;/&gt;&lt;/object&gt;&lt;object type=&quot;3&quot; unique_id=&quot;11425&quot;&gt;&lt;property id=&quot;20148&quot; value=&quot;5&quot;/&gt;&lt;property id=&quot;20300&quot; value=&quot;Slide 2 - &amp;quot;Overview&amp;quot;&quot;/&gt;&lt;property id=&quot;20307&quot; value=&quot;282&quot;/&gt;&lt;/object&gt;&lt;object type=&quot;3&quot; unique_id=&quot;11426&quot;&gt;&lt;property id=&quot;20148&quot; value=&quot;5&quot;/&gt;&lt;property id=&quot;20300&quot; value=&quot;Slide 3 - &amp;quot;Top Development Tools&amp;quot;&quot;/&gt;&lt;property id=&quot;20307&quot; value=&quot;280&quot;/&gt;&lt;/object&gt;&lt;object type=&quot;3&quot; unique_id=&quot;11427&quot;&gt;&lt;property id=&quot;20148&quot; value=&quot;5&quot;/&gt;&lt;property id=&quot;20300&quot; value=&quot;Slide 4 - &amp;quot;The Hardware&amp;quot;&quot;/&gt;&lt;property id=&quot;20307&quot; value=&quot;281&quot;/&gt;&lt;/object&gt;&lt;object type=&quot;3&quot; unique_id=&quot;11669&quot;&gt;&lt;property id=&quot;20148&quot; value=&quot;5&quot;/&gt;&lt;property id=&quot;20300&quot; value=&quot;Slide 10&quot;/&gt;&lt;property id=&quot;20307&quot; value=&quot;283&quot;/&gt;&lt;/object&gt;&lt;object type=&quot;3&quot; unique_id=&quot;12309&quot;&gt;&lt;property id=&quot;20148&quot; value=&quot;5&quot;/&gt;&lt;property id=&quot;20300&quot; value=&quot;Slide 21&quot;/&gt;&lt;property id=&quot;20307&quot; value=&quot;287&quot;/&gt;&lt;/object&gt;&lt;object type=&quot;3&quot; unique_id=&quot;12394&quot;&gt;&lt;property id=&quot;20148&quot; value=&quot;5&quot;/&gt;&lt;property id=&quot;20300&quot; value=&quot;Slide 22&quot;/&gt;&lt;property id=&quot;20307&quot; value=&quot;288&quot;/&gt;&lt;/object&gt;&lt;object type=&quot;3&quot; unique_id=&quot;12482&quot;&gt;&lt;property id=&quot;20148&quot; value=&quot;5&quot;/&gt;&lt;property id=&quot;20300&quot; value=&quot;Slide 23&quot;/&gt;&lt;property id=&quot;20307&quot; value=&quot;289&quot;/&gt;&lt;/object&gt;&lt;object type=&quot;3&quot; unique_id=&quot;12573&quot;&gt;&lt;property id=&quot;20148&quot; value=&quot;5&quot;/&gt;&lt;property id=&quot;20300&quot; value=&quot;Slide 24&quot;/&gt;&lt;property id=&quot;20307&quot; value=&quot;290&quot;/&gt;&lt;/object&gt;&lt;object type=&quot;3&quot; unique_id=&quot;12667&quot;&gt;&lt;property id=&quot;20148&quot; value=&quot;5&quot;/&gt;&lt;property id=&quot;20300&quot; value=&quot;Slide 25&quot;/&gt;&lt;property id=&quot;20307&quot; value=&quot;291&quot;/&gt;&lt;/object&gt;&lt;object type=&quot;3&quot; unique_id=&quot;12988&quot;&gt;&lt;property id=&quot;20148&quot; value=&quot;5&quot;/&gt;&lt;property id=&quot;20300&quot; value=&quot;Slide 26 - &amp;quot;How Long?&amp;quot;&quot;/&gt;&lt;property id=&quot;20307&quot; value=&quot;292&quot;/&gt;&lt;/object&gt;&lt;object type=&quot;3&quot; unique_id=&quot;12989&quot;&gt;&lt;property id=&quot;20148&quot; value=&quot;5&quot;/&gt;&lt;property id=&quot;20300&quot; value=&quot;Slide 27 - &amp;quot;Does Not Include…&amp;quot;&quot;/&gt;&lt;property id=&quot;20307&quot; value=&quot;293&quot;/&gt;&lt;/object&gt;&lt;object type=&quot;3&quot; unique_id=&quot;12990&quot;&gt;&lt;property id=&quot;20148&quot; value=&quot;5&quot;/&gt;&lt;property id=&quot;20300&quot; value=&quot;Slide 28&quot;/&gt;&lt;property id=&quot;20307&quot; value=&quot;294&quot;/&gt;&lt;/object&gt;&lt;/object&gt;&lt;/object&gt;&lt;/database&gt;"/>
  <p:tag name="SECTOMILLISECCONVERTED" val="1"/>
</p:tagLst>
</file>

<file path=ppt/theme/theme1.xml><?xml version="1.0" encoding="utf-8"?>
<a:theme xmlns:a="http://schemas.openxmlformats.org/drawingml/2006/main" name="Default Design">
  <a:themeElements>
    <a:clrScheme name="Default Design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Default Design">
      <a:majorFont>
        <a:latin typeface="Verdana"/>
        <a:ea typeface=""/>
        <a:cs typeface=""/>
      </a:majorFont>
      <a:minorFont>
        <a:latin typeface="Verdana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765175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15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765175" rtl="0" eaLnBrk="1" fontAlgn="base" latinLnBrk="0" hangingPunct="1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15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Arial" charset="0"/>
          </a:defRPr>
        </a:defPPr>
      </a:lstStyle>
    </a:lnDef>
  </a:objectDefaults>
  <a:extraClrSchemeLst>
    <a:extraClrScheme>
      <a:clrScheme name="Default Design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30371</TotalTime>
  <Words>360</Words>
  <Application>Microsoft Office PowerPoint</Application>
  <PresentationFormat>Custom</PresentationFormat>
  <Paragraphs>66</Paragraphs>
  <Slides>30</Slides>
  <Notes>1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30</vt:i4>
      </vt:variant>
    </vt:vector>
  </HeadingPairs>
  <TitlesOfParts>
    <vt:vector size="31" baseType="lpstr">
      <vt:lpstr>Default Design</vt:lpstr>
      <vt:lpstr>Designing Effective</vt:lpstr>
      <vt:lpstr>Overview</vt:lpstr>
      <vt:lpstr>Top Development Tools</vt:lpstr>
      <vt:lpstr>The Hardware</vt:lpstr>
      <vt:lpstr>PowerPoint Presentation</vt:lpstr>
      <vt:lpstr>What… is the attention span of  a typical goldfish?</vt:lpstr>
      <vt:lpstr>PowerPoint Presentation</vt:lpstr>
      <vt:lpstr>What… is the attention span of a typical person surfing the web?</vt:lpstr>
      <vt:lpstr>Once… the learner clicks the Play button to begin an individual lesson (module), how long should it take for the learner to able to complete the lesson?</vt:lpstr>
      <vt:lpstr>PowerPoint Presentation</vt:lpstr>
      <vt:lpstr>Did You Say Something?…</vt:lpstr>
      <vt:lpstr>No Really, Did You Say Something?</vt:lpstr>
      <vt:lpstr>Meet the Ums</vt:lpstr>
      <vt:lpstr>Tell Um…</vt:lpstr>
      <vt:lpstr>Teach Um…</vt:lpstr>
      <vt:lpstr>Tell Um What You Taught Um…</vt:lpstr>
      <vt:lpstr>Engage Um…</vt:lpstr>
      <vt:lpstr>Quiz Um…</vt:lpstr>
      <vt:lpstr>How Can You Engage?</vt:lpstr>
      <vt:lpstr>When It Comes to Das Quiz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How Long?</vt:lpstr>
      <vt:lpstr>Does Not Include…</vt:lpstr>
      <vt:lpstr>PowerPoint Presentation</vt:lpstr>
      <vt:lpstr>Samples of eLearning</vt:lpstr>
      <vt:lpstr>Questions? Follow-Up?</vt:lpstr>
    </vt:vector>
  </TitlesOfParts>
  <Company>IconLogic, Inc.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lide 1</dc:title>
  <dc:creator>Kevin Siegel</dc:creator>
  <cp:lastModifiedBy>Kevin Siegel</cp:lastModifiedBy>
  <cp:revision>715</cp:revision>
  <dcterms:created xsi:type="dcterms:W3CDTF">2006-09-18T17:01:19Z</dcterms:created>
  <dcterms:modified xsi:type="dcterms:W3CDTF">2014-06-11T14:01:20Z</dcterms:modified>
</cp:coreProperties>
</file>